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2_指標\"/>
    </mc:Choice>
  </mc:AlternateContent>
  <bookViews>
    <workbookView xWindow="0" yWindow="0" windowWidth="13824" windowHeight="5724"/>
  </bookViews>
  <sheets>
    <sheet name="加入率" sheetId="1" r:id="rId1"/>
    <sheet name="年齢階層" sheetId="4" r:id="rId2"/>
    <sheet name="構成割合" sheetId="2" r:id="rId3"/>
  </sheets>
  <definedNames>
    <definedName name="_Fill" localSheetId="1" hidden="1">#REF!</definedName>
    <definedName name="_Fill" hidden="1">#REF!</definedName>
    <definedName name="_Key1" localSheetId="1" hidden="1">#REF!</definedName>
    <definedName name="_Key1" hidden="1">#REF!</definedName>
    <definedName name="_Order1" hidden="1">0</definedName>
    <definedName name="\a" localSheetId="1">#REF!</definedName>
    <definedName name="\a">#REF!</definedName>
    <definedName name="\b" localSheetId="1">#REF!</definedName>
    <definedName name="\b">#REF!</definedName>
    <definedName name="_xlnm.Print_Area" localSheetId="0">加入率!$A$1:$Q$44</definedName>
    <definedName name="_xlnm.Print_Area" localSheetId="2">構成割合!$A$1:$O$48</definedName>
    <definedName name="_xlnm.Print_Area" localSheetId="1">年齢階層!$A$1:$AG$47</definedName>
    <definedName name="qqqq" hidden="1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6" uniqueCount="155"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１）　国民健康保険の加入率の推移</t>
    </r>
    <phoneticPr fontId="1"/>
  </si>
  <si>
    <t>保険者名</t>
  </si>
  <si>
    <t>27年度</t>
  </si>
  <si>
    <t>28年度</t>
    <phoneticPr fontId="1"/>
  </si>
  <si>
    <t>29年度</t>
  </si>
  <si>
    <t>30年度</t>
    <phoneticPr fontId="1"/>
  </si>
  <si>
    <t>元年度</t>
    <rPh sb="0" eb="1">
      <t>ガン</t>
    </rPh>
    <phoneticPr fontId="1"/>
  </si>
  <si>
    <t>加入率</t>
  </si>
  <si>
    <t>順</t>
  </si>
  <si>
    <t>26→27</t>
  </si>
  <si>
    <t>27→28</t>
    <phoneticPr fontId="1"/>
  </si>
  <si>
    <t>28→29</t>
  </si>
  <si>
    <t>29→30</t>
  </si>
  <si>
    <t>30→元</t>
    <rPh sb="3" eb="4">
      <t>ガン</t>
    </rPh>
    <phoneticPr fontId="0"/>
  </si>
  <si>
    <t>30→元</t>
    <rPh sb="3" eb="4">
      <t>ガン</t>
    </rPh>
    <phoneticPr fontId="1"/>
  </si>
  <si>
    <t>（％）</t>
  </si>
  <si>
    <t>位</t>
  </si>
  <si>
    <t>増減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1"/>
  </si>
  <si>
    <t xml:space="preserve"> 津久井町</t>
  </si>
  <si>
    <t xml:space="preserve"> 相模湖町</t>
  </si>
  <si>
    <t xml:space="preserve"> 藤野町</t>
  </si>
  <si>
    <t>市町村平均</t>
    <phoneticPr fontId="1"/>
  </si>
  <si>
    <t>県　　平　　均</t>
    <phoneticPr fontId="1"/>
  </si>
  <si>
    <t>（注）年度末時点</t>
    <rPh sb="1" eb="2">
      <t>チュウ</t>
    </rPh>
    <rPh sb="3" eb="6">
      <t>ネンドマツ</t>
    </rPh>
    <rPh sb="6" eb="8">
      <t>ジテン</t>
    </rPh>
    <phoneticPr fontId="0"/>
  </si>
  <si>
    <t>－</t>
    <phoneticPr fontId="0"/>
  </si>
  <si>
    <t>県    平    均</t>
    <phoneticPr fontId="0"/>
  </si>
  <si>
    <t>－</t>
    <phoneticPr fontId="0"/>
  </si>
  <si>
    <t>組 合 平 均</t>
    <phoneticPr fontId="0"/>
  </si>
  <si>
    <t>市町村平均</t>
  </si>
  <si>
    <t xml:space="preserve"> 建設連合</t>
    <phoneticPr fontId="0"/>
  </si>
  <si>
    <t xml:space="preserve"> 建設業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>人数</t>
  </si>
  <si>
    <t>前年度⇒</t>
    <rPh sb="0" eb="2">
      <t>ゼンネン</t>
    </rPh>
    <phoneticPr fontId="0"/>
  </si>
  <si>
    <t>1人当たり</t>
    <phoneticPr fontId="0"/>
  </si>
  <si>
    <t>非表示</t>
    <rPh sb="0" eb="1">
      <t>ヒ</t>
    </rPh>
    <rPh sb="1" eb="3">
      <t>ヒョウジ</t>
    </rPh>
    <phoneticPr fontId="0"/>
  </si>
  <si>
    <t>構成割合</t>
  </si>
  <si>
    <t>被保険者数／職員数</t>
    <rPh sb="0" eb="4">
      <t>ヒホケンシャ</t>
    </rPh>
    <rPh sb="6" eb="8">
      <t>ショクイン</t>
    </rPh>
    <phoneticPr fontId="0"/>
  </si>
  <si>
    <t>前期高齢者</t>
    <rPh sb="0" eb="2">
      <t>ゼンキ</t>
    </rPh>
    <rPh sb="2" eb="5">
      <t>コウレイシャ</t>
    </rPh>
    <phoneticPr fontId="0"/>
  </si>
  <si>
    <t>退職者等</t>
  </si>
  <si>
    <t>一般</t>
    <phoneticPr fontId="0"/>
  </si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３）　被保険者構成割合等</t>
    </r>
    <phoneticPr fontId="0"/>
  </si>
  <si>
    <t>30→元</t>
  </si>
  <si>
    <t>市町村計</t>
  </si>
  <si>
    <t xml:space="preserve"> 海老名市</t>
    <phoneticPr fontId="12"/>
  </si>
  <si>
    <t>09</t>
  </si>
  <si>
    <t>08</t>
  </si>
  <si>
    <t>07</t>
  </si>
  <si>
    <t>06</t>
  </si>
  <si>
    <t xml:space="preserve"> 鎌倉市</t>
    <phoneticPr fontId="12"/>
  </si>
  <si>
    <t>05</t>
  </si>
  <si>
    <t>04</t>
  </si>
  <si>
    <t>03</t>
  </si>
  <si>
    <t>02</t>
  </si>
  <si>
    <t>01</t>
  </si>
  <si>
    <t>(%)</t>
  </si>
  <si>
    <t>(人)</t>
  </si>
  <si>
    <t>（人）</t>
  </si>
  <si>
    <t>比率</t>
  </si>
  <si>
    <t>1０歳～１４歳</t>
    <rPh sb="6" eb="7">
      <t>サイ</t>
    </rPh>
    <phoneticPr fontId="12"/>
  </si>
  <si>
    <t>０歳～４歳</t>
  </si>
  <si>
    <t>総数</t>
    <rPh sb="0" eb="2">
      <t>ソウスウ</t>
    </rPh>
    <phoneticPr fontId="12"/>
  </si>
  <si>
    <t>（令和元年９月末時点）</t>
    <rPh sb="1" eb="3">
      <t>レイワ</t>
    </rPh>
    <rPh sb="3" eb="4">
      <t>モト</t>
    </rPh>
    <phoneticPr fontId="12"/>
  </si>
  <si>
    <t>県         計</t>
    <phoneticPr fontId="12"/>
  </si>
  <si>
    <t>組  合  計</t>
    <phoneticPr fontId="12"/>
  </si>
  <si>
    <t xml:space="preserve"> 建設連合</t>
    <phoneticPr fontId="12"/>
  </si>
  <si>
    <t xml:space="preserve"> 建設業</t>
    <phoneticPr fontId="12"/>
  </si>
  <si>
    <t xml:space="preserve"> 薬剤師</t>
    <phoneticPr fontId="12"/>
  </si>
  <si>
    <t xml:space="preserve"> 食品衛生</t>
    <phoneticPr fontId="12"/>
  </si>
  <si>
    <t xml:space="preserve"> 歯科医師</t>
    <phoneticPr fontId="12"/>
  </si>
  <si>
    <t xml:space="preserve"> 医 師</t>
    <phoneticPr fontId="12"/>
  </si>
  <si>
    <t xml:space="preserve"> 清川村</t>
    <phoneticPr fontId="12"/>
  </si>
  <si>
    <t xml:space="preserve"> 愛川町</t>
    <phoneticPr fontId="12"/>
  </si>
  <si>
    <t xml:space="preserve"> 湯河原町</t>
    <phoneticPr fontId="12"/>
  </si>
  <si>
    <t xml:space="preserve"> 真鶴町</t>
    <phoneticPr fontId="12"/>
  </si>
  <si>
    <t xml:space="preserve"> 箱根町</t>
    <phoneticPr fontId="12"/>
  </si>
  <si>
    <t xml:space="preserve"> 開成町  </t>
    <phoneticPr fontId="12"/>
  </si>
  <si>
    <t xml:space="preserve"> 山北町</t>
    <phoneticPr fontId="12"/>
  </si>
  <si>
    <t xml:space="preserve"> 松田町</t>
    <phoneticPr fontId="12"/>
  </si>
  <si>
    <t xml:space="preserve"> 大井町</t>
    <phoneticPr fontId="12"/>
  </si>
  <si>
    <t xml:space="preserve"> 中井町</t>
    <phoneticPr fontId="12"/>
  </si>
  <si>
    <t xml:space="preserve"> 二宮町</t>
    <phoneticPr fontId="12"/>
  </si>
  <si>
    <t xml:space="preserve"> 大磯町</t>
    <phoneticPr fontId="12"/>
  </si>
  <si>
    <t xml:space="preserve"> 綾瀬市</t>
    <phoneticPr fontId="12"/>
  </si>
  <si>
    <t xml:space="preserve"> 寒川町</t>
    <phoneticPr fontId="12"/>
  </si>
  <si>
    <t xml:space="preserve"> 葉山町</t>
    <phoneticPr fontId="12"/>
  </si>
  <si>
    <t xml:space="preserve"> 南足柄市</t>
    <phoneticPr fontId="12"/>
  </si>
  <si>
    <t xml:space="preserve"> 座間市</t>
    <phoneticPr fontId="12"/>
  </si>
  <si>
    <t xml:space="preserve"> 伊勢原市</t>
    <phoneticPr fontId="12"/>
  </si>
  <si>
    <t xml:space="preserve"> 大和市</t>
    <phoneticPr fontId="12"/>
  </si>
  <si>
    <t xml:space="preserve"> 厚木市</t>
    <phoneticPr fontId="12"/>
  </si>
  <si>
    <t xml:space="preserve"> 秦野市</t>
    <phoneticPr fontId="12"/>
  </si>
  <si>
    <t xml:space="preserve"> 三浦市</t>
    <phoneticPr fontId="12"/>
  </si>
  <si>
    <t xml:space="preserve"> 相模原市</t>
    <phoneticPr fontId="12"/>
  </si>
  <si>
    <t xml:space="preserve"> 逗子市</t>
    <phoneticPr fontId="12"/>
  </si>
  <si>
    <t xml:space="preserve"> 茅ヶ崎市</t>
    <phoneticPr fontId="12"/>
  </si>
  <si>
    <t xml:space="preserve"> 小田原市</t>
    <phoneticPr fontId="12"/>
  </si>
  <si>
    <t xml:space="preserve"> 藤沢市</t>
    <phoneticPr fontId="12"/>
  </si>
  <si>
    <t xml:space="preserve"> 平塚市</t>
    <phoneticPr fontId="12"/>
  </si>
  <si>
    <t xml:space="preserve"> 横須賀市</t>
    <phoneticPr fontId="12"/>
  </si>
  <si>
    <t xml:space="preserve"> 川崎市</t>
    <phoneticPr fontId="12"/>
  </si>
  <si>
    <t xml:space="preserve"> 横浜市</t>
    <phoneticPr fontId="12"/>
  </si>
  <si>
    <t>７０歳～７４歳</t>
    <phoneticPr fontId="12"/>
  </si>
  <si>
    <t>６５歳～６９歳</t>
    <phoneticPr fontId="12"/>
  </si>
  <si>
    <t>６０歳～６４歳</t>
    <phoneticPr fontId="12"/>
  </si>
  <si>
    <t>５５歳～５９歳</t>
    <phoneticPr fontId="12"/>
  </si>
  <si>
    <t>５０歳～５４歳</t>
    <phoneticPr fontId="12"/>
  </si>
  <si>
    <t>４５歳～４９歳</t>
    <phoneticPr fontId="12"/>
  </si>
  <si>
    <t>４０歳～４４歳</t>
    <phoneticPr fontId="12"/>
  </si>
  <si>
    <t>３５歳～３９歳</t>
    <phoneticPr fontId="12"/>
  </si>
  <si>
    <t>３０歳～３４歳</t>
    <phoneticPr fontId="12"/>
  </si>
  <si>
    <t>２５歳～２９歳</t>
    <phoneticPr fontId="12"/>
  </si>
  <si>
    <t>２０歳～２４歳</t>
    <phoneticPr fontId="12"/>
  </si>
  <si>
    <t>１５歳～１９歳</t>
    <phoneticPr fontId="12"/>
  </si>
  <si>
    <t>５歳～９歳</t>
    <phoneticPr fontId="12"/>
  </si>
  <si>
    <t>1.一般状況（２）　年齢階層別被保険者数</t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 "/>
    <numFmt numFmtId="177" formatCode="0.00_ 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9"/>
      <color indexed="10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indexed="18"/>
      <name val="ＭＳ Ｐゴシック"/>
      <family val="3"/>
      <charset val="128"/>
    </font>
    <font>
      <sz val="11"/>
      <color indexed="18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Terminal"/>
      <family val="3"/>
      <charset val="255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  <font>
      <sz val="9"/>
      <color indexed="8"/>
      <name val="ＭＳ 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38" fontId="9" fillId="0" borderId="0" applyFont="0" applyFill="0" applyBorder="0" applyAlignment="0" applyProtection="0"/>
    <xf numFmtId="0" fontId="9" fillId="0" borderId="0"/>
  </cellStyleXfs>
  <cellXfs count="241">
    <xf numFmtId="0" fontId="0" fillId="0" borderId="0" xfId="0"/>
    <xf numFmtId="38" fontId="0" fillId="0" borderId="0" xfId="1" applyFont="1"/>
    <xf numFmtId="38" fontId="1" fillId="0" borderId="0" xfId="1" applyFont="1"/>
    <xf numFmtId="38" fontId="3" fillId="0" borderId="0" xfId="1" quotePrefix="1" applyFont="1" applyBorder="1" applyAlignment="1">
      <alignment horizontal="distributed" justifyLastLine="1"/>
    </xf>
    <xf numFmtId="38" fontId="3" fillId="0" borderId="0" xfId="1" applyFont="1" applyAlignment="1">
      <alignment horizontal="center"/>
    </xf>
    <xf numFmtId="38" fontId="3" fillId="0" borderId="9" xfId="1" applyFont="1" applyBorder="1" applyAlignment="1">
      <alignment horizontal="center"/>
    </xf>
    <xf numFmtId="38" fontId="3" fillId="0" borderId="0" xfId="1" quotePrefix="1" applyFont="1" applyBorder="1" applyAlignment="1">
      <alignment horizontal="center"/>
    </xf>
    <xf numFmtId="38" fontId="3" fillId="0" borderId="10" xfId="1" quotePrefix="1" applyFont="1" applyBorder="1" applyAlignment="1">
      <alignment horizontal="center"/>
    </xf>
    <xf numFmtId="38" fontId="3" fillId="0" borderId="11" xfId="1" quotePrefix="1" applyFont="1" applyBorder="1" applyAlignment="1">
      <alignment horizontal="center"/>
    </xf>
    <xf numFmtId="38" fontId="3" fillId="0" borderId="12" xfId="1" quotePrefix="1" applyFont="1" applyBorder="1" applyAlignment="1">
      <alignment horizontal="center"/>
    </xf>
    <xf numFmtId="38" fontId="3" fillId="0" borderId="9" xfId="1" quotePrefix="1" applyFont="1" applyBorder="1" applyAlignment="1">
      <alignment horizontal="center"/>
    </xf>
    <xf numFmtId="38" fontId="3" fillId="0" borderId="14" xfId="1" quotePrefix="1" applyFont="1" applyBorder="1" applyAlignment="1">
      <alignment horizontal="center"/>
    </xf>
    <xf numFmtId="38" fontId="3" fillId="0" borderId="10" xfId="1" applyFont="1" applyBorder="1" applyAlignment="1">
      <alignment horizontal="center"/>
    </xf>
    <xf numFmtId="38" fontId="3" fillId="0" borderId="15" xfId="1" quotePrefix="1" applyFont="1" applyBorder="1" applyAlignment="1">
      <alignment horizontal="center"/>
    </xf>
    <xf numFmtId="38" fontId="3" fillId="0" borderId="18" xfId="1" applyFont="1" applyFill="1" applyBorder="1" applyAlignment="1">
      <alignment horizontal="center"/>
    </xf>
    <xf numFmtId="38" fontId="3" fillId="0" borderId="19" xfId="1" applyFont="1" applyBorder="1" applyAlignment="1">
      <alignment horizontal="center"/>
    </xf>
    <xf numFmtId="38" fontId="3" fillId="0" borderId="20" xfId="1" applyFont="1" applyBorder="1" applyAlignment="1">
      <alignment horizontal="center"/>
    </xf>
    <xf numFmtId="38" fontId="3" fillId="0" borderId="22" xfId="1" applyFont="1" applyBorder="1" applyAlignment="1">
      <alignment horizontal="center"/>
    </xf>
    <xf numFmtId="38" fontId="3" fillId="0" borderId="21" xfId="1" applyFont="1" applyBorder="1" applyAlignment="1">
      <alignment horizontal="center"/>
    </xf>
    <xf numFmtId="38" fontId="3" fillId="0" borderId="18" xfId="1" applyFont="1" applyBorder="1" applyAlignment="1">
      <alignment horizontal="center"/>
    </xf>
    <xf numFmtId="38" fontId="3" fillId="0" borderId="17" xfId="1" applyFont="1" applyBorder="1" applyAlignment="1">
      <alignment horizontal="center"/>
    </xf>
    <xf numFmtId="38" fontId="3" fillId="0" borderId="23" xfId="1" applyFont="1" applyBorder="1" applyAlignment="1">
      <alignment horizontal="center"/>
    </xf>
    <xf numFmtId="38" fontId="3" fillId="0" borderId="0" xfId="1" applyFont="1" applyBorder="1" applyAlignment="1">
      <alignment horizontal="center"/>
    </xf>
    <xf numFmtId="38" fontId="3" fillId="0" borderId="7" xfId="1" applyFont="1" applyBorder="1"/>
    <xf numFmtId="40" fontId="3" fillId="0" borderId="27" xfId="1" applyNumberFormat="1" applyFont="1" applyBorder="1"/>
    <xf numFmtId="38" fontId="3" fillId="0" borderId="28" xfId="1" applyFont="1" applyBorder="1"/>
    <xf numFmtId="38" fontId="3" fillId="0" borderId="26" xfId="1" applyFont="1" applyBorder="1"/>
    <xf numFmtId="2" fontId="3" fillId="0" borderId="30" xfId="1" applyNumberFormat="1" applyFont="1" applyBorder="1"/>
    <xf numFmtId="176" fontId="3" fillId="0" borderId="26" xfId="1" applyNumberFormat="1" applyFont="1" applyBorder="1"/>
    <xf numFmtId="2" fontId="3" fillId="0" borderId="29" xfId="1" applyNumberFormat="1" applyFont="1" applyFill="1" applyBorder="1"/>
    <xf numFmtId="176" fontId="3" fillId="0" borderId="26" xfId="1" applyNumberFormat="1" applyFont="1" applyFill="1" applyBorder="1"/>
    <xf numFmtId="2" fontId="3" fillId="0" borderId="30" xfId="1" applyNumberFormat="1" applyFont="1" applyFill="1" applyBorder="1"/>
    <xf numFmtId="2" fontId="3" fillId="0" borderId="25" xfId="1" applyNumberFormat="1" applyFont="1" applyFill="1" applyBorder="1"/>
    <xf numFmtId="1" fontId="3" fillId="0" borderId="26" xfId="1" applyNumberFormat="1" applyFont="1" applyFill="1" applyBorder="1"/>
    <xf numFmtId="2" fontId="3" fillId="0" borderId="31" xfId="1" applyNumberFormat="1" applyFont="1" applyBorder="1"/>
    <xf numFmtId="2" fontId="3" fillId="0" borderId="0" xfId="1" applyNumberFormat="1" applyFont="1" applyBorder="1"/>
    <xf numFmtId="38" fontId="3" fillId="0" borderId="0" xfId="1" applyFont="1"/>
    <xf numFmtId="40" fontId="3" fillId="0" borderId="18" xfId="1" applyNumberFormat="1" applyFont="1" applyBorder="1"/>
    <xf numFmtId="38" fontId="3" fillId="0" borderId="19" xfId="1" applyFont="1" applyBorder="1"/>
    <xf numFmtId="2" fontId="3" fillId="0" borderId="17" xfId="1" applyNumberFormat="1" applyFont="1" applyBorder="1"/>
    <xf numFmtId="176" fontId="3" fillId="0" borderId="21" xfId="1" applyNumberFormat="1" applyFont="1" applyBorder="1"/>
    <xf numFmtId="2" fontId="3" fillId="0" borderId="20" xfId="1" applyNumberFormat="1" applyFont="1" applyFill="1" applyBorder="1"/>
    <xf numFmtId="176" fontId="3" fillId="0" borderId="21" xfId="1" applyNumberFormat="1" applyFont="1" applyFill="1" applyBorder="1"/>
    <xf numFmtId="2" fontId="3" fillId="0" borderId="17" xfId="1" applyNumberFormat="1" applyFont="1" applyFill="1" applyBorder="1"/>
    <xf numFmtId="2" fontId="3" fillId="0" borderId="22" xfId="1" applyNumberFormat="1" applyFont="1" applyFill="1" applyBorder="1"/>
    <xf numFmtId="1" fontId="3" fillId="0" borderId="21" xfId="1" applyNumberFormat="1" applyFont="1" applyFill="1" applyBorder="1"/>
    <xf numFmtId="40" fontId="3" fillId="0" borderId="25" xfId="1" applyNumberFormat="1" applyFont="1" applyBorder="1"/>
    <xf numFmtId="176" fontId="3" fillId="0" borderId="33" xfId="1" applyNumberFormat="1" applyFont="1" applyBorder="1"/>
    <xf numFmtId="2" fontId="3" fillId="0" borderId="34" xfId="1" applyNumberFormat="1" applyFont="1" applyBorder="1"/>
    <xf numFmtId="40" fontId="3" fillId="0" borderId="25" xfId="1" applyNumberFormat="1" applyFont="1" applyBorder="1" applyAlignment="1">
      <alignment horizontal="center"/>
    </xf>
    <xf numFmtId="40" fontId="3" fillId="0" borderId="26" xfId="1" applyNumberFormat="1" applyFont="1" applyBorder="1" applyAlignment="1">
      <alignment horizontal="center"/>
    </xf>
    <xf numFmtId="40" fontId="3" fillId="0" borderId="30" xfId="1" applyNumberFormat="1" applyFont="1" applyBorder="1" applyAlignment="1">
      <alignment horizontal="center"/>
    </xf>
    <xf numFmtId="40" fontId="3" fillId="0" borderId="29" xfId="1" applyNumberFormat="1" applyFont="1" applyFill="1" applyBorder="1" applyAlignment="1">
      <alignment horizontal="center"/>
    </xf>
    <xf numFmtId="40" fontId="3" fillId="0" borderId="26" xfId="1" applyNumberFormat="1" applyFont="1" applyFill="1" applyBorder="1" applyAlignment="1">
      <alignment horizontal="center"/>
    </xf>
    <xf numFmtId="40" fontId="3" fillId="0" borderId="30" xfId="1" applyNumberFormat="1" applyFont="1" applyFill="1" applyBorder="1" applyAlignment="1">
      <alignment horizontal="center"/>
    </xf>
    <xf numFmtId="40" fontId="3" fillId="0" borderId="25" xfId="1" applyNumberFormat="1" applyFont="1" applyFill="1" applyBorder="1" applyAlignment="1">
      <alignment horizontal="center"/>
    </xf>
    <xf numFmtId="1" fontId="3" fillId="0" borderId="26" xfId="1" applyNumberFormat="1" applyFont="1" applyFill="1" applyBorder="1" applyAlignment="1">
      <alignment horizontal="center"/>
    </xf>
    <xf numFmtId="38" fontId="3" fillId="0" borderId="28" xfId="1" applyFont="1" applyBorder="1" applyAlignment="1">
      <alignment horizontal="center"/>
    </xf>
    <xf numFmtId="2" fontId="3" fillId="0" borderId="35" xfId="1" applyNumberFormat="1" applyFont="1" applyBorder="1"/>
    <xf numFmtId="40" fontId="3" fillId="0" borderId="0" xfId="1" applyNumberFormat="1" applyFont="1" applyBorder="1" applyAlignment="1">
      <alignment horizontal="center"/>
    </xf>
    <xf numFmtId="40" fontId="3" fillId="0" borderId="9" xfId="1" applyNumberFormat="1" applyFont="1" applyBorder="1" applyAlignment="1">
      <alignment horizontal="center"/>
    </xf>
    <xf numFmtId="40" fontId="3" fillId="0" borderId="14" xfId="1" applyNumberFormat="1" applyFont="1" applyBorder="1" applyAlignment="1">
      <alignment horizontal="center"/>
    </xf>
    <xf numFmtId="40" fontId="3" fillId="0" borderId="12" xfId="1" applyNumberFormat="1" applyFont="1" applyFill="1" applyBorder="1" applyAlignment="1">
      <alignment horizontal="center"/>
    </xf>
    <xf numFmtId="40" fontId="3" fillId="0" borderId="9" xfId="1" applyNumberFormat="1" applyFont="1" applyFill="1" applyBorder="1" applyAlignment="1">
      <alignment horizontal="center"/>
    </xf>
    <xf numFmtId="40" fontId="3" fillId="0" borderId="14" xfId="1" applyNumberFormat="1" applyFont="1" applyFill="1" applyBorder="1" applyAlignment="1">
      <alignment horizontal="center"/>
    </xf>
    <xf numFmtId="40" fontId="3" fillId="0" borderId="10" xfId="1" applyNumberFormat="1" applyFont="1" applyFill="1" applyBorder="1" applyAlignment="1">
      <alignment horizontal="center"/>
    </xf>
    <xf numFmtId="1" fontId="3" fillId="0" borderId="9" xfId="1" applyNumberFormat="1" applyFont="1" applyFill="1" applyBorder="1" applyAlignment="1">
      <alignment horizontal="center"/>
    </xf>
    <xf numFmtId="40" fontId="3" fillId="0" borderId="37" xfId="1" applyNumberFormat="1" applyFont="1" applyBorder="1" applyAlignment="1">
      <alignment horizontal="center"/>
    </xf>
    <xf numFmtId="38" fontId="3" fillId="0" borderId="42" xfId="1" applyFont="1" applyBorder="1"/>
    <xf numFmtId="2" fontId="3" fillId="0" borderId="44" xfId="1" applyNumberFormat="1" applyFont="1" applyBorder="1"/>
    <xf numFmtId="2" fontId="3" fillId="0" borderId="47" xfId="1" applyNumberFormat="1" applyFont="1" applyBorder="1"/>
    <xf numFmtId="2" fontId="3" fillId="0" borderId="43" xfId="1" applyNumberFormat="1" applyFont="1" applyFill="1" applyBorder="1"/>
    <xf numFmtId="2" fontId="3" fillId="0" borderId="44" xfId="1" applyNumberFormat="1" applyFont="1" applyFill="1" applyBorder="1"/>
    <xf numFmtId="2" fontId="3" fillId="0" borderId="47" xfId="1" applyNumberFormat="1" applyFont="1" applyFill="1" applyBorder="1"/>
    <xf numFmtId="2" fontId="3" fillId="0" borderId="45" xfId="1" applyNumberFormat="1" applyFont="1" applyFill="1" applyBorder="1"/>
    <xf numFmtId="1" fontId="3" fillId="0" borderId="44" xfId="1" applyNumberFormat="1" applyFont="1" applyFill="1" applyBorder="1"/>
    <xf numFmtId="40" fontId="3" fillId="0" borderId="41" xfId="1" applyNumberFormat="1" applyFont="1" applyBorder="1"/>
    <xf numFmtId="177" fontId="3" fillId="0" borderId="0" xfId="1" applyNumberFormat="1" applyFont="1" applyBorder="1"/>
    <xf numFmtId="2" fontId="3" fillId="0" borderId="53" xfId="1" applyNumberFormat="1" applyFont="1" applyBorder="1"/>
    <xf numFmtId="38" fontId="3" fillId="0" borderId="54" xfId="1" applyFont="1" applyBorder="1"/>
    <xf numFmtId="2" fontId="3" fillId="0" borderId="49" xfId="1" applyNumberFormat="1" applyFont="1" applyBorder="1"/>
    <xf numFmtId="2" fontId="3" fillId="0" borderId="55" xfId="1" applyNumberFormat="1" applyFont="1" applyFill="1" applyBorder="1"/>
    <xf numFmtId="2" fontId="3" fillId="0" borderId="53" xfId="1" applyNumberFormat="1" applyFont="1" applyFill="1" applyBorder="1"/>
    <xf numFmtId="2" fontId="3" fillId="0" borderId="49" xfId="1" applyNumberFormat="1" applyFont="1" applyFill="1" applyBorder="1"/>
    <xf numFmtId="2" fontId="3" fillId="0" borderId="52" xfId="1" applyNumberFormat="1" applyFont="1" applyFill="1" applyBorder="1"/>
    <xf numFmtId="1" fontId="3" fillId="0" borderId="53" xfId="1" applyNumberFormat="1" applyFont="1" applyFill="1" applyBorder="1"/>
    <xf numFmtId="40" fontId="3" fillId="0" borderId="52" xfId="1" applyNumberFormat="1" applyFont="1" applyBorder="1"/>
    <xf numFmtId="2" fontId="3" fillId="0" borderId="56" xfId="1" applyNumberFormat="1" applyFont="1" applyBorder="1"/>
    <xf numFmtId="38" fontId="3" fillId="0" borderId="0" xfId="1" applyFont="1" applyBorder="1"/>
    <xf numFmtId="38" fontId="1" fillId="0" borderId="0" xfId="1" applyFont="1" applyFill="1"/>
    <xf numFmtId="38" fontId="3" fillId="0" borderId="13" xfId="1" quotePrefix="1" applyFont="1" applyFill="1" applyBorder="1" applyAlignment="1">
      <alignment horizontal="center"/>
    </xf>
    <xf numFmtId="2" fontId="3" fillId="0" borderId="27" xfId="1" applyNumberFormat="1" applyFont="1" applyFill="1" applyBorder="1"/>
    <xf numFmtId="2" fontId="3" fillId="0" borderId="18" xfId="1" applyNumberFormat="1" applyFont="1" applyFill="1" applyBorder="1"/>
    <xf numFmtId="40" fontId="3" fillId="0" borderId="27" xfId="1" applyNumberFormat="1" applyFont="1" applyFill="1" applyBorder="1" applyAlignment="1">
      <alignment horizontal="center"/>
    </xf>
    <xf numFmtId="40" fontId="3" fillId="0" borderId="13" xfId="1" applyNumberFormat="1" applyFont="1" applyFill="1" applyBorder="1" applyAlignment="1">
      <alignment horizontal="center"/>
    </xf>
    <xf numFmtId="2" fontId="3" fillId="0" borderId="46" xfId="1" applyNumberFormat="1" applyFont="1" applyFill="1" applyBorder="1"/>
    <xf numFmtId="2" fontId="3" fillId="0" borderId="50" xfId="1" applyNumberFormat="1" applyFont="1" applyFill="1" applyBorder="1"/>
    <xf numFmtId="38" fontId="3" fillId="0" borderId="0" xfId="1" applyFont="1" applyFill="1"/>
    <xf numFmtId="38" fontId="4" fillId="0" borderId="24" xfId="1" applyFont="1" applyFill="1" applyBorder="1"/>
    <xf numFmtId="38" fontId="4" fillId="0" borderId="32" xfId="1" applyFont="1" applyFill="1" applyBorder="1"/>
    <xf numFmtId="38" fontId="3" fillId="0" borderId="24" xfId="1" applyFont="1" applyFill="1" applyBorder="1"/>
    <xf numFmtId="38" fontId="3" fillId="0" borderId="36" xfId="1" applyFont="1" applyFill="1" applyBorder="1"/>
    <xf numFmtId="40" fontId="3" fillId="0" borderId="40" xfId="1" applyNumberFormat="1" applyFont="1" applyFill="1" applyBorder="1"/>
    <xf numFmtId="40" fontId="3" fillId="0" borderId="40" xfId="2" applyNumberFormat="1" applyFont="1" applyFill="1" applyBorder="1"/>
    <xf numFmtId="38" fontId="4" fillId="0" borderId="62" xfId="1" applyFont="1" applyFill="1" applyBorder="1"/>
    <xf numFmtId="38" fontId="4" fillId="0" borderId="67" xfId="1" applyFont="1" applyFill="1" applyBorder="1" applyAlignment="1" applyProtection="1">
      <alignment horizontal="left" vertical="center"/>
    </xf>
    <xf numFmtId="38" fontId="4" fillId="0" borderId="24" xfId="1" applyFont="1" applyFill="1" applyBorder="1" applyAlignment="1" applyProtection="1">
      <alignment horizontal="left" vertical="center"/>
    </xf>
    <xf numFmtId="38" fontId="4" fillId="0" borderId="62" xfId="1" applyFont="1" applyFill="1" applyBorder="1" applyAlignment="1" applyProtection="1">
      <alignment horizontal="left" vertical="center"/>
    </xf>
    <xf numFmtId="38" fontId="3" fillId="0" borderId="36" xfId="1" applyFont="1" applyFill="1" applyBorder="1" applyAlignment="1">
      <alignment horizontal="center"/>
    </xf>
    <xf numFmtId="38" fontId="3" fillId="0" borderId="32" xfId="1" applyFont="1" applyFill="1" applyBorder="1" applyAlignment="1">
      <alignment horizontal="center"/>
    </xf>
    <xf numFmtId="40" fontId="3" fillId="0" borderId="24" xfId="1" applyNumberFormat="1" applyFont="1" applyFill="1" applyBorder="1"/>
    <xf numFmtId="40" fontId="3" fillId="0" borderId="62" xfId="1" applyNumberFormat="1" applyFont="1" applyFill="1" applyBorder="1"/>
    <xf numFmtId="40" fontId="3" fillId="0" borderId="67" xfId="1" applyNumberFormat="1" applyFont="1" applyFill="1" applyBorder="1"/>
    <xf numFmtId="40" fontId="3" fillId="0" borderId="51" xfId="1" applyNumberFormat="1" applyFont="1" applyFill="1" applyBorder="1"/>
    <xf numFmtId="40" fontId="3" fillId="0" borderId="0" xfId="1" applyNumberFormat="1" applyFont="1" applyFill="1"/>
    <xf numFmtId="38" fontId="3" fillId="0" borderId="0" xfId="3" applyFont="1" applyFill="1"/>
    <xf numFmtId="40" fontId="3" fillId="0" borderId="0" xfId="3" applyNumberFormat="1" applyFont="1" applyFill="1"/>
    <xf numFmtId="40" fontId="11" fillId="0" borderId="57" xfId="3" applyNumberFormat="1" applyFont="1" applyFill="1" applyBorder="1" applyProtection="1">
      <protection locked="0"/>
    </xf>
    <xf numFmtId="38" fontId="11" fillId="0" borderId="51" xfId="3" applyFont="1" applyFill="1" applyBorder="1" applyProtection="1"/>
    <xf numFmtId="40" fontId="11" fillId="0" borderId="51" xfId="3" applyNumberFormat="1" applyFont="1" applyFill="1" applyBorder="1" applyProtection="1">
      <protection locked="0"/>
    </xf>
    <xf numFmtId="40" fontId="11" fillId="0" borderId="59" xfId="3" applyNumberFormat="1" applyFont="1" applyFill="1" applyBorder="1" applyProtection="1">
      <protection locked="0"/>
    </xf>
    <xf numFmtId="38" fontId="11" fillId="0" borderId="40" xfId="3" applyFont="1" applyFill="1" applyBorder="1" applyProtection="1"/>
    <xf numFmtId="40" fontId="11" fillId="0" borderId="40" xfId="3" applyNumberFormat="1" applyFont="1" applyFill="1" applyBorder="1" applyProtection="1">
      <protection locked="0"/>
    </xf>
    <xf numFmtId="38" fontId="11" fillId="0" borderId="40" xfId="3" applyFont="1" applyFill="1" applyBorder="1" applyProtection="1">
      <protection locked="0"/>
    </xf>
    <xf numFmtId="40" fontId="11" fillId="0" borderId="61" xfId="3" applyNumberFormat="1" applyFont="1" applyFill="1" applyBorder="1" applyProtection="1">
      <protection locked="0"/>
    </xf>
    <xf numFmtId="38" fontId="11" fillId="0" borderId="62" xfId="3" applyFont="1" applyFill="1" applyBorder="1" applyProtection="1">
      <protection locked="0"/>
    </xf>
    <xf numFmtId="40" fontId="11" fillId="0" borderId="62" xfId="3" applyNumberFormat="1" applyFont="1" applyFill="1" applyBorder="1" applyProtection="1">
      <protection locked="0"/>
    </xf>
    <xf numFmtId="38" fontId="13" fillId="0" borderId="62" xfId="3" applyFont="1" applyFill="1" applyBorder="1"/>
    <xf numFmtId="38" fontId="11" fillId="0" borderId="74" xfId="3" applyFont="1" applyFill="1" applyBorder="1"/>
    <xf numFmtId="40" fontId="11" fillId="0" borderId="64" xfId="3" applyNumberFormat="1" applyFont="1" applyFill="1" applyBorder="1" applyProtection="1">
      <protection locked="0"/>
    </xf>
    <xf numFmtId="38" fontId="11" fillId="0" borderId="24" xfId="3" applyFont="1" applyFill="1" applyBorder="1" applyProtection="1">
      <protection locked="0"/>
    </xf>
    <xf numFmtId="40" fontId="11" fillId="0" borderId="24" xfId="3" applyNumberFormat="1" applyFont="1" applyFill="1" applyBorder="1" applyProtection="1">
      <protection locked="0"/>
    </xf>
    <xf numFmtId="38" fontId="13" fillId="0" borderId="24" xfId="3" applyFont="1" applyFill="1" applyBorder="1"/>
    <xf numFmtId="38" fontId="11" fillId="0" borderId="75" xfId="3" applyFont="1" applyFill="1" applyBorder="1"/>
    <xf numFmtId="40" fontId="11" fillId="0" borderId="66" xfId="3" applyNumberFormat="1" applyFont="1" applyFill="1" applyBorder="1" applyProtection="1">
      <protection locked="0"/>
    </xf>
    <xf numFmtId="38" fontId="11" fillId="0" borderId="67" xfId="3" applyFont="1" applyFill="1" applyBorder="1" applyProtection="1">
      <protection locked="0"/>
    </xf>
    <xf numFmtId="40" fontId="11" fillId="0" borderId="67" xfId="3" applyNumberFormat="1" applyFont="1" applyFill="1" applyBorder="1" applyProtection="1">
      <protection locked="0"/>
    </xf>
    <xf numFmtId="38" fontId="13" fillId="0" borderId="67" xfId="3" applyFont="1" applyFill="1" applyBorder="1"/>
    <xf numFmtId="38" fontId="11" fillId="0" borderId="76" xfId="3" applyFont="1" applyFill="1" applyBorder="1"/>
    <xf numFmtId="38" fontId="11" fillId="0" borderId="75" xfId="3" applyFont="1" applyFill="1" applyBorder="1" applyAlignment="1">
      <alignment horizontal="right"/>
    </xf>
    <xf numFmtId="40" fontId="11" fillId="0" borderId="69" xfId="3" applyNumberFormat="1" applyFont="1" applyFill="1" applyBorder="1" applyProtection="1">
      <protection locked="0"/>
    </xf>
    <xf numFmtId="38" fontId="11" fillId="0" borderId="32" xfId="3" applyFont="1" applyFill="1" applyBorder="1" applyProtection="1">
      <protection locked="0"/>
    </xf>
    <xf numFmtId="40" fontId="11" fillId="0" borderId="32" xfId="3" applyNumberFormat="1" applyFont="1" applyFill="1" applyBorder="1" applyProtection="1">
      <protection locked="0"/>
    </xf>
    <xf numFmtId="38" fontId="13" fillId="0" borderId="32" xfId="3" applyFont="1" applyFill="1" applyBorder="1"/>
    <xf numFmtId="38" fontId="11" fillId="0" borderId="77" xfId="3" applyFont="1" applyFill="1" applyBorder="1" applyAlignment="1">
      <alignment horizontal="right"/>
    </xf>
    <xf numFmtId="38" fontId="3" fillId="0" borderId="0" xfId="3" applyFont="1" applyFill="1" applyBorder="1"/>
    <xf numFmtId="38" fontId="3" fillId="0" borderId="78" xfId="3" applyFont="1" applyFill="1" applyBorder="1" applyAlignment="1">
      <alignment horizontal="center"/>
    </xf>
    <xf numFmtId="38" fontId="3" fillId="0" borderId="79" xfId="3" applyFont="1" applyFill="1" applyBorder="1" applyAlignment="1">
      <alignment horizontal="center"/>
    </xf>
    <xf numFmtId="38" fontId="3" fillId="0" borderId="79" xfId="3" quotePrefix="1" applyFont="1" applyFill="1" applyBorder="1" applyAlignment="1">
      <alignment horizontal="center"/>
    </xf>
    <xf numFmtId="38" fontId="3" fillId="0" borderId="70" xfId="3" applyFont="1" applyFill="1" applyBorder="1" applyAlignment="1">
      <alignment horizontal="distributed" justifyLastLine="1"/>
    </xf>
    <xf numFmtId="38" fontId="3" fillId="0" borderId="36" xfId="3" applyFont="1" applyFill="1" applyBorder="1" applyAlignment="1">
      <alignment horizontal="distributed" justifyLastLine="1"/>
    </xf>
    <xf numFmtId="38" fontId="3" fillId="0" borderId="0" xfId="3" applyFont="1" applyFill="1" applyAlignment="1">
      <alignment vertical="center"/>
    </xf>
    <xf numFmtId="38" fontId="3" fillId="0" borderId="71" xfId="3" applyFont="1" applyFill="1" applyBorder="1" applyAlignment="1">
      <alignment horizontal="centerContinuous"/>
    </xf>
    <xf numFmtId="38" fontId="3" fillId="0" borderId="72" xfId="3" quotePrefix="1" applyFont="1" applyFill="1" applyBorder="1" applyAlignment="1">
      <alignment horizontal="centerContinuous"/>
    </xf>
    <xf numFmtId="38" fontId="3" fillId="0" borderId="72" xfId="3" applyFont="1" applyFill="1" applyBorder="1" applyAlignment="1">
      <alignment horizontal="centerContinuous"/>
    </xf>
    <xf numFmtId="38" fontId="3" fillId="0" borderId="0" xfId="3" applyFont="1" applyFill="1" applyAlignment="1">
      <alignment horizontal="right"/>
    </xf>
    <xf numFmtId="38" fontId="14" fillId="0" borderId="0" xfId="3" applyFont="1" applyFill="1" applyAlignment="1">
      <alignment horizontal="right" shrinkToFit="1"/>
    </xf>
    <xf numFmtId="38" fontId="5" fillId="0" borderId="0" xfId="3" applyFont="1" applyFill="1"/>
    <xf numFmtId="38" fontId="5" fillId="0" borderId="0" xfId="3" applyFont="1" applyFill="1" applyAlignment="1"/>
    <xf numFmtId="38" fontId="1" fillId="0" borderId="0" xfId="3" applyFont="1" applyFill="1" applyBorder="1"/>
    <xf numFmtId="38" fontId="3" fillId="0" borderId="36" xfId="1" quotePrefix="1" applyFont="1" applyFill="1" applyBorder="1" applyAlignment="1">
      <alignment horizontal="center"/>
    </xf>
    <xf numFmtId="4" fontId="3" fillId="0" borderId="24" xfId="1" applyNumberFormat="1" applyFont="1" applyFill="1" applyBorder="1"/>
    <xf numFmtId="4" fontId="3" fillId="0" borderId="62" xfId="1" applyNumberFormat="1" applyFont="1" applyFill="1" applyBorder="1"/>
    <xf numFmtId="4" fontId="3" fillId="0" borderId="67" xfId="1" applyNumberFormat="1" applyFont="1" applyFill="1" applyBorder="1"/>
    <xf numFmtId="4" fontId="3" fillId="0" borderId="40" xfId="1" applyNumberFormat="1" applyFont="1" applyFill="1" applyBorder="1"/>
    <xf numFmtId="4" fontId="3" fillId="0" borderId="51" xfId="1" applyNumberFormat="1" applyFont="1" applyFill="1" applyBorder="1"/>
    <xf numFmtId="38" fontId="3" fillId="0" borderId="0" xfId="1" applyFont="1" applyFill="1" applyBorder="1" applyAlignment="1">
      <alignment horizontal="center"/>
    </xf>
    <xf numFmtId="38" fontId="1" fillId="0" borderId="0" xfId="1" applyFont="1" applyFill="1" applyAlignment="1">
      <alignment horizontal="right"/>
    </xf>
    <xf numFmtId="38" fontId="3" fillId="0" borderId="36" xfId="1" applyFont="1" applyFill="1" applyBorder="1" applyAlignment="1">
      <alignment horizontal="center" shrinkToFit="1"/>
    </xf>
    <xf numFmtId="38" fontId="3" fillId="0" borderId="32" xfId="1" applyFont="1" applyFill="1" applyBorder="1" applyAlignment="1">
      <alignment horizontal="center" shrinkToFit="1"/>
    </xf>
    <xf numFmtId="38" fontId="3" fillId="0" borderId="24" xfId="1" applyFont="1" applyFill="1" applyBorder="1" applyAlignment="1">
      <alignment horizontal="right"/>
    </xf>
    <xf numFmtId="38" fontId="3" fillId="0" borderId="62" xfId="1" applyFont="1" applyFill="1" applyBorder="1" applyAlignment="1">
      <alignment horizontal="right"/>
    </xf>
    <xf numFmtId="38" fontId="3" fillId="0" borderId="67" xfId="1" applyFont="1" applyFill="1" applyBorder="1" applyAlignment="1">
      <alignment horizontal="right"/>
    </xf>
    <xf numFmtId="38" fontId="3" fillId="0" borderId="40" xfId="1" applyFont="1" applyFill="1" applyBorder="1" applyAlignment="1">
      <alignment horizontal="right"/>
    </xf>
    <xf numFmtId="38" fontId="3" fillId="0" borderId="51" xfId="1" applyFont="1" applyFill="1" applyBorder="1" applyAlignment="1">
      <alignment horizontal="right"/>
    </xf>
    <xf numFmtId="38" fontId="3" fillId="0" borderId="0" xfId="1" applyFont="1" applyFill="1" applyAlignment="1">
      <alignment horizontal="right"/>
    </xf>
    <xf numFmtId="38" fontId="0" fillId="0" borderId="0" xfId="1" applyFont="1" applyFill="1"/>
    <xf numFmtId="38" fontId="8" fillId="0" borderId="0" xfId="1" applyFont="1" applyFill="1"/>
    <xf numFmtId="38" fontId="7" fillId="0" borderId="72" xfId="1" applyFont="1" applyFill="1" applyBorder="1" applyAlignment="1">
      <alignment horizontal="center" justifyLastLine="1"/>
    </xf>
    <xf numFmtId="38" fontId="3" fillId="0" borderId="0" xfId="1" applyFont="1" applyFill="1" applyAlignment="1">
      <alignment horizontal="center"/>
    </xf>
    <xf numFmtId="38" fontId="7" fillId="0" borderId="36" xfId="1" quotePrefix="1" applyFont="1" applyFill="1" applyBorder="1" applyAlignment="1" applyProtection="1">
      <alignment horizontal="center" vertical="center"/>
    </xf>
    <xf numFmtId="38" fontId="3" fillId="0" borderId="70" xfId="1" quotePrefix="1" applyFont="1" applyFill="1" applyBorder="1" applyAlignment="1">
      <alignment horizontal="center"/>
    </xf>
    <xf numFmtId="38" fontId="3" fillId="0" borderId="32" xfId="1" quotePrefix="1" applyFont="1" applyFill="1" applyBorder="1" applyAlignment="1" applyProtection="1">
      <alignment horizontal="center" vertical="center"/>
    </xf>
    <xf numFmtId="38" fontId="3" fillId="0" borderId="69" xfId="1" applyFont="1" applyFill="1" applyBorder="1" applyAlignment="1">
      <alignment horizontal="center"/>
    </xf>
    <xf numFmtId="38" fontId="3" fillId="0" borderId="65" xfId="1" applyFont="1" applyFill="1" applyBorder="1" applyAlignment="1" applyProtection="1">
      <alignment vertical="center"/>
    </xf>
    <xf numFmtId="40" fontId="3" fillId="0" borderId="24" xfId="2" applyNumberFormat="1" applyFont="1" applyFill="1" applyBorder="1"/>
    <xf numFmtId="3" fontId="3" fillId="0" borderId="64" xfId="1" applyNumberFormat="1" applyFont="1" applyFill="1" applyBorder="1"/>
    <xf numFmtId="38" fontId="3" fillId="0" borderId="63" xfId="1" applyFont="1" applyFill="1" applyBorder="1" applyAlignment="1" applyProtection="1">
      <alignment vertical="center"/>
    </xf>
    <xf numFmtId="38" fontId="3" fillId="0" borderId="62" xfId="1" applyFont="1" applyFill="1" applyBorder="1"/>
    <xf numFmtId="40" fontId="3" fillId="0" borderId="62" xfId="2" applyNumberFormat="1" applyFont="1" applyFill="1" applyBorder="1"/>
    <xf numFmtId="3" fontId="3" fillId="0" borderId="61" xfId="1" applyNumberFormat="1" applyFont="1" applyFill="1" applyBorder="1"/>
    <xf numFmtId="38" fontId="3" fillId="0" borderId="68" xfId="1" applyFont="1" applyFill="1" applyBorder="1" applyAlignment="1" applyProtection="1">
      <alignment vertical="center"/>
    </xf>
    <xf numFmtId="38" fontId="3" fillId="0" borderId="67" xfId="1" applyFont="1" applyFill="1" applyBorder="1"/>
    <xf numFmtId="38" fontId="3" fillId="0" borderId="67" xfId="1" applyFont="1" applyFill="1" applyBorder="1" applyAlignment="1" applyProtection="1">
      <alignment horizontal="center" vertical="center"/>
    </xf>
    <xf numFmtId="40" fontId="3" fillId="0" borderId="67" xfId="2" applyNumberFormat="1" applyFont="1" applyFill="1" applyBorder="1"/>
    <xf numFmtId="3" fontId="3" fillId="0" borderId="66" xfId="1" applyNumberFormat="1" applyFont="1" applyFill="1" applyBorder="1"/>
    <xf numFmtId="38" fontId="3" fillId="0" borderId="24" xfId="1" applyFont="1" applyFill="1" applyBorder="1" applyAlignment="1" applyProtection="1">
      <alignment horizontal="center" vertical="center"/>
    </xf>
    <xf numFmtId="38" fontId="3" fillId="0" borderId="62" xfId="1" applyFont="1" applyFill="1" applyBorder="1" applyAlignment="1" applyProtection="1">
      <alignment horizontal="center" vertical="center"/>
    </xf>
    <xf numFmtId="38" fontId="3" fillId="0" borderId="40" xfId="1" applyFont="1" applyFill="1" applyBorder="1" applyAlignment="1" applyProtection="1">
      <alignment horizontal="center" vertical="center"/>
    </xf>
    <xf numFmtId="3" fontId="3" fillId="0" borderId="59" xfId="1" applyNumberFormat="1" applyFont="1" applyFill="1" applyBorder="1"/>
    <xf numFmtId="38" fontId="3" fillId="0" borderId="51" xfId="1" applyFont="1" applyFill="1" applyBorder="1" applyAlignment="1" applyProtection="1">
      <alignment horizontal="center" vertical="center"/>
    </xf>
    <xf numFmtId="40" fontId="3" fillId="0" borderId="51" xfId="2" applyNumberFormat="1" applyFont="1" applyFill="1" applyBorder="1"/>
    <xf numFmtId="3" fontId="3" fillId="0" borderId="57" xfId="1" applyNumberFormat="1" applyFont="1" applyFill="1" applyBorder="1"/>
    <xf numFmtId="38" fontId="7" fillId="0" borderId="0" xfId="1" applyFont="1" applyFill="1"/>
    <xf numFmtId="38" fontId="3" fillId="0" borderId="4" xfId="1" quotePrefix="1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6" xfId="0" applyBorder="1" applyAlignment="1">
      <alignment horizontal="distributed" justifyLastLine="1"/>
    </xf>
    <xf numFmtId="38" fontId="3" fillId="0" borderId="38" xfId="1" applyFont="1" applyBorder="1" applyAlignment="1">
      <alignment horizontal="distributed" justifyLastLine="1"/>
    </xf>
    <xf numFmtId="0" fontId="0" fillId="0" borderId="39" xfId="0" applyBorder="1" applyAlignment="1">
      <alignment horizontal="distributed" justifyLastLine="1"/>
    </xf>
    <xf numFmtId="38" fontId="3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0" fontId="0" fillId="0" borderId="16" xfId="0" applyBorder="1" applyAlignment="1">
      <alignment horizontal="distributed" justifyLastLine="1"/>
    </xf>
    <xf numFmtId="0" fontId="0" fillId="0" borderId="17" xfId="0" applyBorder="1" applyAlignment="1">
      <alignment horizontal="distributed" justifyLastLine="1"/>
    </xf>
    <xf numFmtId="38" fontId="3" fillId="0" borderId="48" xfId="1" applyFont="1" applyBorder="1" applyAlignment="1">
      <alignment horizontal="distributed" justifyLastLine="1"/>
    </xf>
    <xf numFmtId="0" fontId="0" fillId="0" borderId="49" xfId="0" applyBorder="1" applyAlignment="1">
      <alignment horizontal="distributed" justifyLastLine="1"/>
    </xf>
    <xf numFmtId="38" fontId="3" fillId="0" borderId="3" xfId="1" quotePrefix="1" applyFont="1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11" fillId="0" borderId="58" xfId="3" applyFont="1" applyFill="1" applyBorder="1" applyAlignment="1">
      <alignment horizontal="distributed" justifyLastLine="1"/>
    </xf>
    <xf numFmtId="0" fontId="9" fillId="0" borderId="51" xfId="4" applyBorder="1" applyAlignment="1">
      <alignment horizontal="distributed" justifyLastLine="1"/>
    </xf>
    <xf numFmtId="38" fontId="3" fillId="0" borderId="72" xfId="3" applyFont="1" applyFill="1" applyBorder="1" applyAlignment="1">
      <alignment horizontal="distributed" vertical="center" wrapText="1" justifyLastLine="1"/>
    </xf>
    <xf numFmtId="0" fontId="9" fillId="0" borderId="36" xfId="4" applyBorder="1" applyAlignment="1">
      <alignment horizontal="distributed" vertical="center" justifyLastLine="1"/>
    </xf>
    <xf numFmtId="38" fontId="3" fillId="0" borderId="73" xfId="3" applyFont="1" applyFill="1" applyBorder="1" applyAlignment="1">
      <alignment horizontal="distributed" vertical="center" justifyLastLine="1"/>
    </xf>
    <xf numFmtId="0" fontId="9" fillId="0" borderId="72" xfId="4" applyBorder="1" applyAlignment="1">
      <alignment horizontal="distributed" vertical="center" justifyLastLine="1"/>
    </xf>
    <xf numFmtId="0" fontId="9" fillId="0" borderId="65" xfId="4" applyBorder="1" applyAlignment="1">
      <alignment horizontal="distributed" vertical="center" justifyLastLine="1"/>
    </xf>
    <xf numFmtId="0" fontId="9" fillId="0" borderId="24" xfId="4" applyBorder="1" applyAlignment="1">
      <alignment horizontal="distributed" vertical="center" justifyLastLine="1"/>
    </xf>
    <xf numFmtId="0" fontId="9" fillId="0" borderId="81" xfId="4" applyBorder="1" applyAlignment="1">
      <alignment horizontal="distributed" vertical="center" justifyLastLine="1"/>
    </xf>
    <xf numFmtId="0" fontId="9" fillId="0" borderId="80" xfId="4" applyBorder="1" applyAlignment="1">
      <alignment horizontal="distributed" vertical="center" justifyLastLine="1"/>
    </xf>
    <xf numFmtId="38" fontId="11" fillId="0" borderId="60" xfId="3" applyFont="1" applyFill="1" applyBorder="1" applyAlignment="1">
      <alignment horizontal="distributed" justifyLastLine="1"/>
    </xf>
    <xf numFmtId="0" fontId="9" fillId="0" borderId="40" xfId="4" applyBorder="1" applyAlignment="1">
      <alignment horizontal="distributed" justifyLastLine="1"/>
    </xf>
    <xf numFmtId="38" fontId="3" fillId="0" borderId="72" xfId="1" applyFont="1" applyFill="1" applyBorder="1" applyAlignment="1">
      <alignment horizontal="center" justifyLastLine="1"/>
    </xf>
    <xf numFmtId="38" fontId="3" fillId="0" borderId="71" xfId="1" applyFont="1" applyFill="1" applyBorder="1" applyAlignment="1">
      <alignment horizontal="center" justifyLastLine="1"/>
    </xf>
    <xf numFmtId="38" fontId="3" fillId="0" borderId="58" xfId="1" applyFont="1" applyFill="1" applyBorder="1" applyAlignment="1">
      <alignment horizontal="distributed" vertical="center" justifyLastLine="1"/>
    </xf>
    <xf numFmtId="0" fontId="0" fillId="0" borderId="51" xfId="0" applyFill="1" applyBorder="1" applyAlignment="1">
      <alignment horizontal="distributed" vertical="center" justifyLastLine="1"/>
    </xf>
    <xf numFmtId="38" fontId="3" fillId="0" borderId="60" xfId="1" applyFont="1" applyFill="1" applyBorder="1" applyAlignment="1">
      <alignment horizontal="distributed" vertical="center" justifyLastLine="1"/>
    </xf>
    <xf numFmtId="0" fontId="0" fillId="0" borderId="40" xfId="0" applyFill="1" applyBorder="1" applyAlignment="1">
      <alignment horizontal="distributed" vertical="center" justifyLastLine="1"/>
    </xf>
    <xf numFmtId="38" fontId="3" fillId="0" borderId="73" xfId="1" applyFont="1" applyFill="1" applyBorder="1" applyAlignment="1">
      <alignment horizontal="distributed" vertical="center" justifyLastLine="1"/>
    </xf>
    <xf numFmtId="38" fontId="3" fillId="0" borderId="72" xfId="1" applyFont="1" applyFill="1" applyBorder="1" applyAlignment="1">
      <alignment horizontal="distributed" vertical="center" justifyLastLine="1"/>
    </xf>
    <xf numFmtId="38" fontId="3" fillId="0" borderId="65" xfId="1" applyFont="1" applyFill="1" applyBorder="1" applyAlignment="1">
      <alignment horizontal="distributed" vertical="center" justifyLastLine="1"/>
    </xf>
    <xf numFmtId="38" fontId="3" fillId="0" borderId="24" xfId="1" applyFont="1" applyFill="1" applyBorder="1" applyAlignment="1">
      <alignment horizontal="distributed" vertical="center" justifyLastLine="1"/>
    </xf>
  </cellXfs>
  <cellStyles count="5">
    <cellStyle name="桁区切り" xfId="1" builtinId="6"/>
    <cellStyle name="桁区切り 2" xfId="2"/>
    <cellStyle name="桁区切り 3" xfId="3"/>
    <cellStyle name="標準" xfId="0" builtinId="0"/>
    <cellStyle name="標準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52"/>
  <sheetViews>
    <sheetView tabSelected="1" zoomScaleNormal="100" zoomScaleSheetLayoutView="100" workbookViewId="0"/>
  </sheetViews>
  <sheetFormatPr defaultColWidth="9" defaultRowHeight="10.8" x14ac:dyDescent="0.15"/>
  <cols>
    <col min="1" max="1" width="3.6640625" style="36" customWidth="1"/>
    <col min="2" max="2" width="9" style="97" customWidth="1"/>
    <col min="3" max="3" width="6.6640625" style="97" customWidth="1"/>
    <col min="4" max="4" width="3.109375" style="36" customWidth="1"/>
    <col min="5" max="6" width="6.109375" style="36" customWidth="1"/>
    <col min="7" max="7" width="3.109375" style="36" customWidth="1"/>
    <col min="8" max="9" width="6.109375" style="36" customWidth="1"/>
    <col min="10" max="10" width="3.109375" style="36" customWidth="1"/>
    <col min="11" max="12" width="6.109375" style="36" customWidth="1"/>
    <col min="13" max="13" width="3.109375" style="36" customWidth="1"/>
    <col min="14" max="15" width="6.109375" style="36" customWidth="1"/>
    <col min="16" max="16" width="3.109375" style="36" customWidth="1"/>
    <col min="17" max="20" width="6.109375" style="36" customWidth="1"/>
    <col min="21" max="16384" width="9" style="36"/>
  </cols>
  <sheetData>
    <row r="1" spans="1:20" s="2" customFormat="1" ht="15.75" customHeight="1" x14ac:dyDescent="0.2">
      <c r="A1" s="1" t="s">
        <v>0</v>
      </c>
      <c r="B1" s="89"/>
      <c r="C1" s="89"/>
    </row>
    <row r="2" spans="1:20" s="2" customFormat="1" ht="10.5" customHeight="1" thickBot="1" x14ac:dyDescent="0.25">
      <c r="B2" s="89"/>
      <c r="C2" s="89"/>
    </row>
    <row r="3" spans="1:20" s="4" customFormat="1" ht="15" customHeight="1" x14ac:dyDescent="0.2">
      <c r="A3" s="209" t="s">
        <v>1</v>
      </c>
      <c r="B3" s="210"/>
      <c r="C3" s="217" t="s">
        <v>2</v>
      </c>
      <c r="D3" s="205"/>
      <c r="E3" s="218"/>
      <c r="F3" s="204" t="s">
        <v>3</v>
      </c>
      <c r="G3" s="205"/>
      <c r="H3" s="218"/>
      <c r="I3" s="204" t="s">
        <v>4</v>
      </c>
      <c r="J3" s="205"/>
      <c r="K3" s="218"/>
      <c r="L3" s="217" t="s">
        <v>5</v>
      </c>
      <c r="M3" s="205"/>
      <c r="N3" s="218"/>
      <c r="O3" s="204" t="s">
        <v>6</v>
      </c>
      <c r="P3" s="205"/>
      <c r="Q3" s="206"/>
      <c r="R3" s="3"/>
      <c r="S3" s="3"/>
      <c r="T3" s="3"/>
    </row>
    <row r="4" spans="1:20" s="4" customFormat="1" ht="12.75" customHeight="1" x14ac:dyDescent="0.15">
      <c r="A4" s="211"/>
      <c r="B4" s="212"/>
      <c r="C4" s="90" t="s">
        <v>7</v>
      </c>
      <c r="D4" s="10" t="s">
        <v>8</v>
      </c>
      <c r="E4" s="11" t="s">
        <v>9</v>
      </c>
      <c r="F4" s="9" t="s">
        <v>7</v>
      </c>
      <c r="G4" s="10" t="s">
        <v>8</v>
      </c>
      <c r="H4" s="11" t="s">
        <v>10</v>
      </c>
      <c r="I4" s="7" t="s">
        <v>7</v>
      </c>
      <c r="J4" s="10" t="s">
        <v>8</v>
      </c>
      <c r="K4" s="11" t="s">
        <v>11</v>
      </c>
      <c r="L4" s="7" t="s">
        <v>7</v>
      </c>
      <c r="M4" s="10" t="s">
        <v>8</v>
      </c>
      <c r="N4" s="8" t="s">
        <v>12</v>
      </c>
      <c r="O4" s="12" t="s">
        <v>7</v>
      </c>
      <c r="P4" s="5" t="s">
        <v>8</v>
      </c>
      <c r="Q4" s="13" t="s">
        <v>14</v>
      </c>
      <c r="R4" s="6"/>
      <c r="S4" s="6"/>
      <c r="T4" s="6"/>
    </row>
    <row r="5" spans="1:20" s="4" customFormat="1" ht="12.75" customHeight="1" x14ac:dyDescent="0.15">
      <c r="A5" s="213"/>
      <c r="B5" s="214"/>
      <c r="C5" s="14" t="s">
        <v>15</v>
      </c>
      <c r="D5" s="18" t="s">
        <v>16</v>
      </c>
      <c r="E5" s="20" t="s">
        <v>17</v>
      </c>
      <c r="F5" s="16" t="s">
        <v>15</v>
      </c>
      <c r="G5" s="18" t="s">
        <v>16</v>
      </c>
      <c r="H5" s="20" t="s">
        <v>17</v>
      </c>
      <c r="I5" s="17" t="s">
        <v>15</v>
      </c>
      <c r="J5" s="18" t="s">
        <v>16</v>
      </c>
      <c r="K5" s="20" t="s">
        <v>17</v>
      </c>
      <c r="L5" s="17" t="s">
        <v>15</v>
      </c>
      <c r="M5" s="18" t="s">
        <v>16</v>
      </c>
      <c r="N5" s="16" t="s">
        <v>17</v>
      </c>
      <c r="O5" s="19" t="s">
        <v>15</v>
      </c>
      <c r="P5" s="15" t="s">
        <v>16</v>
      </c>
      <c r="Q5" s="21" t="s">
        <v>17</v>
      </c>
      <c r="R5" s="22"/>
      <c r="S5" s="22"/>
      <c r="T5" s="22"/>
    </row>
    <row r="6" spans="1:20" ht="20.100000000000001" customHeight="1" x14ac:dyDescent="0.15">
      <c r="A6" s="23">
        <v>1</v>
      </c>
      <c r="B6" s="98" t="s">
        <v>18</v>
      </c>
      <c r="C6" s="91">
        <v>22.23</v>
      </c>
      <c r="D6" s="28">
        <v>32</v>
      </c>
      <c r="E6" s="27">
        <v>-0.95</v>
      </c>
      <c r="F6" s="29">
        <v>20.98</v>
      </c>
      <c r="G6" s="30">
        <v>31</v>
      </c>
      <c r="H6" s="31">
        <v>-1.25</v>
      </c>
      <c r="I6" s="32">
        <v>19.829999999999998</v>
      </c>
      <c r="J6" s="33">
        <v>31</v>
      </c>
      <c r="K6" s="31">
        <v>-1.1499999999999999</v>
      </c>
      <c r="L6" s="32">
        <v>18.91</v>
      </c>
      <c r="M6" s="33">
        <v>31</v>
      </c>
      <c r="N6" s="29">
        <v>-0.92</v>
      </c>
      <c r="O6" s="24">
        <v>18.22</v>
      </c>
      <c r="P6" s="25">
        <v>31</v>
      </c>
      <c r="Q6" s="34">
        <v>-0.69</v>
      </c>
      <c r="R6" s="35"/>
      <c r="S6" s="35"/>
      <c r="T6" s="35"/>
    </row>
    <row r="7" spans="1:20" ht="20.100000000000001" customHeight="1" x14ac:dyDescent="0.15">
      <c r="A7" s="23">
        <v>2</v>
      </c>
      <c r="B7" s="98" t="s">
        <v>19</v>
      </c>
      <c r="C7" s="91">
        <v>21.14</v>
      </c>
      <c r="D7" s="28">
        <v>33</v>
      </c>
      <c r="E7" s="27">
        <v>-1.07</v>
      </c>
      <c r="F7" s="29">
        <v>19.62</v>
      </c>
      <c r="G7" s="30">
        <v>33</v>
      </c>
      <c r="H7" s="31">
        <v>-1.52</v>
      </c>
      <c r="I7" s="32">
        <v>18.38</v>
      </c>
      <c r="J7" s="33">
        <v>33</v>
      </c>
      <c r="K7" s="31">
        <v>-1.24</v>
      </c>
      <c r="L7" s="32">
        <v>17.510000000000002</v>
      </c>
      <c r="M7" s="33">
        <v>33</v>
      </c>
      <c r="N7" s="29">
        <v>-0.87</v>
      </c>
      <c r="O7" s="24">
        <v>16.850000000000001</v>
      </c>
      <c r="P7" s="25">
        <v>33</v>
      </c>
      <c r="Q7" s="34">
        <v>-0.66</v>
      </c>
      <c r="R7" s="35"/>
      <c r="S7" s="35"/>
      <c r="T7" s="35"/>
    </row>
    <row r="8" spans="1:20" ht="20.100000000000001" customHeight="1" x14ac:dyDescent="0.15">
      <c r="A8" s="23">
        <v>3</v>
      </c>
      <c r="B8" s="98" t="s">
        <v>20</v>
      </c>
      <c r="C8" s="91">
        <v>27.56</v>
      </c>
      <c r="D8" s="28">
        <v>14</v>
      </c>
      <c r="E8" s="27">
        <v>-1.1399999999999999</v>
      </c>
      <c r="F8" s="29">
        <v>26.08</v>
      </c>
      <c r="G8" s="30">
        <v>14</v>
      </c>
      <c r="H8" s="31">
        <v>-1.48</v>
      </c>
      <c r="I8" s="32">
        <v>24.82</v>
      </c>
      <c r="J8" s="33">
        <v>13</v>
      </c>
      <c r="K8" s="31">
        <v>-1.26</v>
      </c>
      <c r="L8" s="32">
        <v>23.79</v>
      </c>
      <c r="M8" s="33">
        <v>13</v>
      </c>
      <c r="N8" s="29">
        <v>-1.03</v>
      </c>
      <c r="O8" s="24">
        <v>23</v>
      </c>
      <c r="P8" s="25">
        <v>14</v>
      </c>
      <c r="Q8" s="34">
        <v>-0.79</v>
      </c>
      <c r="R8" s="35"/>
      <c r="S8" s="35"/>
      <c r="T8" s="35"/>
    </row>
    <row r="9" spans="1:20" ht="20.100000000000001" customHeight="1" x14ac:dyDescent="0.15">
      <c r="A9" s="23">
        <v>4</v>
      </c>
      <c r="B9" s="98" t="s">
        <v>21</v>
      </c>
      <c r="C9" s="91">
        <v>27</v>
      </c>
      <c r="D9" s="28">
        <v>19</v>
      </c>
      <c r="E9" s="27">
        <v>-1.4</v>
      </c>
      <c r="F9" s="29">
        <v>25.28</v>
      </c>
      <c r="G9" s="30">
        <v>18</v>
      </c>
      <c r="H9" s="31">
        <v>-1.72</v>
      </c>
      <c r="I9" s="32">
        <v>23.79</v>
      </c>
      <c r="J9" s="33">
        <v>18</v>
      </c>
      <c r="K9" s="31">
        <v>-1.49</v>
      </c>
      <c r="L9" s="32">
        <v>22.57</v>
      </c>
      <c r="M9" s="33">
        <v>18</v>
      </c>
      <c r="N9" s="29">
        <v>-1.22</v>
      </c>
      <c r="O9" s="24">
        <v>21.89</v>
      </c>
      <c r="P9" s="25">
        <v>18</v>
      </c>
      <c r="Q9" s="34">
        <v>-0.68</v>
      </c>
      <c r="R9" s="35"/>
      <c r="S9" s="35"/>
      <c r="T9" s="35"/>
    </row>
    <row r="10" spans="1:20" ht="20.100000000000001" customHeight="1" x14ac:dyDescent="0.15">
      <c r="A10" s="23">
        <v>5</v>
      </c>
      <c r="B10" s="98" t="s">
        <v>22</v>
      </c>
      <c r="C10" s="91">
        <v>25.93</v>
      </c>
      <c r="D10" s="28">
        <v>25</v>
      </c>
      <c r="E10" s="27">
        <v>-1</v>
      </c>
      <c r="F10" s="29">
        <v>24.31</v>
      </c>
      <c r="G10" s="30">
        <v>25</v>
      </c>
      <c r="H10" s="31">
        <v>-1.62</v>
      </c>
      <c r="I10" s="32">
        <v>23.13</v>
      </c>
      <c r="J10" s="33">
        <v>23</v>
      </c>
      <c r="K10" s="31">
        <v>-1.18</v>
      </c>
      <c r="L10" s="32">
        <v>22.15</v>
      </c>
      <c r="M10" s="33">
        <v>23</v>
      </c>
      <c r="N10" s="29">
        <v>-0.98</v>
      </c>
      <c r="O10" s="24">
        <v>21.21</v>
      </c>
      <c r="P10" s="25">
        <v>24</v>
      </c>
      <c r="Q10" s="34">
        <v>-0.94</v>
      </c>
      <c r="R10" s="35"/>
      <c r="S10" s="35"/>
      <c r="T10" s="35"/>
    </row>
    <row r="11" spans="1:20" ht="20.100000000000001" customHeight="1" x14ac:dyDescent="0.15">
      <c r="A11" s="23">
        <v>6</v>
      </c>
      <c r="B11" s="98" t="s">
        <v>23</v>
      </c>
      <c r="C11" s="91">
        <v>23.54</v>
      </c>
      <c r="D11" s="28">
        <v>30</v>
      </c>
      <c r="E11" s="27">
        <v>-1.1200000000000001</v>
      </c>
      <c r="F11" s="29">
        <v>22.06</v>
      </c>
      <c r="G11" s="30">
        <v>30</v>
      </c>
      <c r="H11" s="31">
        <v>-1.48</v>
      </c>
      <c r="I11" s="32">
        <v>21.02</v>
      </c>
      <c r="J11" s="33">
        <v>30</v>
      </c>
      <c r="K11" s="31">
        <v>-1.04</v>
      </c>
      <c r="L11" s="32">
        <v>20.079999999999998</v>
      </c>
      <c r="M11" s="33">
        <v>30</v>
      </c>
      <c r="N11" s="29">
        <v>-0.94</v>
      </c>
      <c r="O11" s="24">
        <v>19.32</v>
      </c>
      <c r="P11" s="25">
        <v>30</v>
      </c>
      <c r="Q11" s="34">
        <v>-0.76</v>
      </c>
      <c r="R11" s="35"/>
      <c r="S11" s="35"/>
      <c r="T11" s="35"/>
    </row>
    <row r="12" spans="1:20" ht="20.100000000000001" customHeight="1" x14ac:dyDescent="0.15">
      <c r="A12" s="23">
        <v>7</v>
      </c>
      <c r="B12" s="98" t="s">
        <v>24</v>
      </c>
      <c r="C12" s="91">
        <v>26.07</v>
      </c>
      <c r="D12" s="28">
        <v>24</v>
      </c>
      <c r="E12" s="27">
        <v>-1.22</v>
      </c>
      <c r="F12" s="29">
        <v>24.34</v>
      </c>
      <c r="G12" s="30">
        <v>23</v>
      </c>
      <c r="H12" s="31">
        <v>-1.73</v>
      </c>
      <c r="I12" s="32">
        <v>23.08</v>
      </c>
      <c r="J12" s="33">
        <v>24</v>
      </c>
      <c r="K12" s="31">
        <v>-1.26</v>
      </c>
      <c r="L12" s="32">
        <v>22.19</v>
      </c>
      <c r="M12" s="33">
        <v>22</v>
      </c>
      <c r="N12" s="29">
        <v>-0.89</v>
      </c>
      <c r="O12" s="24">
        <v>21.54</v>
      </c>
      <c r="P12" s="25">
        <v>22</v>
      </c>
      <c r="Q12" s="34">
        <v>-0.65</v>
      </c>
      <c r="R12" s="35"/>
      <c r="S12" s="35"/>
      <c r="T12" s="35"/>
    </row>
    <row r="13" spans="1:20" ht="20.100000000000001" customHeight="1" x14ac:dyDescent="0.15">
      <c r="A13" s="23">
        <v>8</v>
      </c>
      <c r="B13" s="98" t="s">
        <v>25</v>
      </c>
      <c r="C13" s="91">
        <v>24.78</v>
      </c>
      <c r="D13" s="28">
        <v>29</v>
      </c>
      <c r="E13" s="27">
        <v>-1.25</v>
      </c>
      <c r="F13" s="29">
        <v>23.31</v>
      </c>
      <c r="G13" s="30">
        <v>27</v>
      </c>
      <c r="H13" s="31">
        <v>-1.47</v>
      </c>
      <c r="I13" s="32">
        <v>22.1</v>
      </c>
      <c r="J13" s="33">
        <v>27</v>
      </c>
      <c r="K13" s="31">
        <v>-1.21</v>
      </c>
      <c r="L13" s="32">
        <v>21.1</v>
      </c>
      <c r="M13" s="33">
        <v>27</v>
      </c>
      <c r="N13" s="29">
        <v>-1</v>
      </c>
      <c r="O13" s="24">
        <v>20.49</v>
      </c>
      <c r="P13" s="25">
        <v>27</v>
      </c>
      <c r="Q13" s="34">
        <v>-0.61</v>
      </c>
      <c r="R13" s="35"/>
      <c r="S13" s="35"/>
      <c r="T13" s="35"/>
    </row>
    <row r="14" spans="1:20" ht="20.100000000000001" customHeight="1" x14ac:dyDescent="0.15">
      <c r="A14" s="23">
        <v>9</v>
      </c>
      <c r="B14" s="98" t="s">
        <v>26</v>
      </c>
      <c r="C14" s="91">
        <v>27.62</v>
      </c>
      <c r="D14" s="28">
        <v>13</v>
      </c>
      <c r="E14" s="27">
        <v>-0.4</v>
      </c>
      <c r="F14" s="29">
        <v>25.75</v>
      </c>
      <c r="G14" s="30">
        <v>15</v>
      </c>
      <c r="H14" s="31">
        <v>-1.87</v>
      </c>
      <c r="I14" s="32">
        <v>24.51</v>
      </c>
      <c r="J14" s="33">
        <v>16</v>
      </c>
      <c r="K14" s="31">
        <v>-1.24</v>
      </c>
      <c r="L14" s="32">
        <v>23.37</v>
      </c>
      <c r="M14" s="33">
        <v>16</v>
      </c>
      <c r="N14" s="29">
        <v>-1.1399999999999999</v>
      </c>
      <c r="O14" s="24">
        <v>22.5</v>
      </c>
      <c r="P14" s="25">
        <v>16</v>
      </c>
      <c r="Q14" s="34">
        <v>-0.87</v>
      </c>
      <c r="R14" s="35"/>
      <c r="S14" s="35"/>
      <c r="T14" s="35"/>
    </row>
    <row r="15" spans="1:20" ht="20.100000000000001" customHeight="1" x14ac:dyDescent="0.15">
      <c r="A15" s="23">
        <v>10</v>
      </c>
      <c r="B15" s="98" t="s">
        <v>27</v>
      </c>
      <c r="C15" s="91">
        <v>26.63</v>
      </c>
      <c r="D15" s="28">
        <v>22</v>
      </c>
      <c r="E15" s="27">
        <v>-1.1399999999999999</v>
      </c>
      <c r="F15" s="29">
        <v>24.89</v>
      </c>
      <c r="G15" s="30">
        <v>21</v>
      </c>
      <c r="H15" s="31">
        <v>-1.74</v>
      </c>
      <c r="I15" s="32">
        <v>23.4</v>
      </c>
      <c r="J15" s="33">
        <v>22</v>
      </c>
      <c r="K15" s="31">
        <v>-1.49</v>
      </c>
      <c r="L15" s="32">
        <v>22.12</v>
      </c>
      <c r="M15" s="33">
        <v>24</v>
      </c>
      <c r="N15" s="29">
        <v>-1.28</v>
      </c>
      <c r="O15" s="24">
        <v>21.23</v>
      </c>
      <c r="P15" s="25">
        <v>23</v>
      </c>
      <c r="Q15" s="34">
        <v>-0.89</v>
      </c>
      <c r="R15" s="35"/>
      <c r="S15" s="35"/>
      <c r="T15" s="35"/>
    </row>
    <row r="16" spans="1:20" ht="20.100000000000001" customHeight="1" x14ac:dyDescent="0.15">
      <c r="A16" s="23">
        <v>11</v>
      </c>
      <c r="B16" s="98" t="s">
        <v>28</v>
      </c>
      <c r="C16" s="91">
        <v>35.94</v>
      </c>
      <c r="D16" s="28">
        <v>2</v>
      </c>
      <c r="E16" s="27">
        <v>-1.03</v>
      </c>
      <c r="F16" s="29">
        <v>34.049999999999997</v>
      </c>
      <c r="G16" s="30">
        <v>2</v>
      </c>
      <c r="H16" s="31">
        <v>-1.89</v>
      </c>
      <c r="I16" s="32">
        <v>32.46</v>
      </c>
      <c r="J16" s="33">
        <v>2</v>
      </c>
      <c r="K16" s="31">
        <v>-1.59</v>
      </c>
      <c r="L16" s="32">
        <v>31.28</v>
      </c>
      <c r="M16" s="33">
        <v>2</v>
      </c>
      <c r="N16" s="29">
        <v>-1.18</v>
      </c>
      <c r="O16" s="24">
        <v>30.21</v>
      </c>
      <c r="P16" s="25">
        <v>2</v>
      </c>
      <c r="Q16" s="34">
        <v>-1.07</v>
      </c>
      <c r="R16" s="35"/>
      <c r="S16" s="35"/>
      <c r="T16" s="35"/>
    </row>
    <row r="17" spans="1:20" ht="20.100000000000001" customHeight="1" x14ac:dyDescent="0.15">
      <c r="A17" s="23">
        <v>12</v>
      </c>
      <c r="B17" s="98" t="s">
        <v>29</v>
      </c>
      <c r="C17" s="91">
        <v>27.37</v>
      </c>
      <c r="D17" s="28">
        <v>15</v>
      </c>
      <c r="E17" s="27">
        <v>-0.41</v>
      </c>
      <c r="F17" s="29">
        <v>25.65</v>
      </c>
      <c r="G17" s="30">
        <v>16</v>
      </c>
      <c r="H17" s="31">
        <v>-1.72</v>
      </c>
      <c r="I17" s="32">
        <v>24.58</v>
      </c>
      <c r="J17" s="33">
        <v>15</v>
      </c>
      <c r="K17" s="31">
        <v>-1.07</v>
      </c>
      <c r="L17" s="32">
        <v>23.53</v>
      </c>
      <c r="M17" s="33">
        <v>15</v>
      </c>
      <c r="N17" s="29">
        <v>-1.05</v>
      </c>
      <c r="O17" s="24">
        <v>22.97</v>
      </c>
      <c r="P17" s="25">
        <v>15</v>
      </c>
      <c r="Q17" s="34">
        <v>-0.56000000000000005</v>
      </c>
      <c r="R17" s="35"/>
      <c r="S17" s="35"/>
      <c r="T17" s="35"/>
    </row>
    <row r="18" spans="1:20" ht="20.100000000000001" customHeight="1" x14ac:dyDescent="0.15">
      <c r="A18" s="23">
        <v>13</v>
      </c>
      <c r="B18" s="98" t="s">
        <v>30</v>
      </c>
      <c r="C18" s="91">
        <v>27.27</v>
      </c>
      <c r="D18" s="28">
        <v>17</v>
      </c>
      <c r="E18" s="27">
        <v>-1.33</v>
      </c>
      <c r="F18" s="29">
        <v>25.56</v>
      </c>
      <c r="G18" s="30">
        <v>17</v>
      </c>
      <c r="H18" s="31">
        <v>-1.71</v>
      </c>
      <c r="I18" s="32">
        <v>24.04</v>
      </c>
      <c r="J18" s="33">
        <v>17</v>
      </c>
      <c r="K18" s="31">
        <v>-1.52</v>
      </c>
      <c r="L18" s="32">
        <v>22.7</v>
      </c>
      <c r="M18" s="33">
        <v>17</v>
      </c>
      <c r="N18" s="29">
        <v>-1.34</v>
      </c>
      <c r="O18" s="24">
        <v>21.77</v>
      </c>
      <c r="P18" s="25">
        <v>20</v>
      </c>
      <c r="Q18" s="34">
        <v>-0.93</v>
      </c>
      <c r="R18" s="35"/>
      <c r="S18" s="35"/>
      <c r="T18" s="35"/>
    </row>
    <row r="19" spans="1:20" ht="20.100000000000001" customHeight="1" x14ac:dyDescent="0.15">
      <c r="A19" s="23">
        <v>14</v>
      </c>
      <c r="B19" s="98" t="s">
        <v>31</v>
      </c>
      <c r="C19" s="91">
        <v>26.21</v>
      </c>
      <c r="D19" s="28">
        <v>23</v>
      </c>
      <c r="E19" s="27">
        <v>-1.26</v>
      </c>
      <c r="F19" s="29">
        <v>24.34</v>
      </c>
      <c r="G19" s="30">
        <v>23</v>
      </c>
      <c r="H19" s="31">
        <v>-1.87</v>
      </c>
      <c r="I19" s="32">
        <v>22.75</v>
      </c>
      <c r="J19" s="33">
        <v>25</v>
      </c>
      <c r="K19" s="31">
        <v>-1.59</v>
      </c>
      <c r="L19" s="32">
        <v>21.6</v>
      </c>
      <c r="M19" s="33">
        <v>25</v>
      </c>
      <c r="N19" s="29">
        <v>-1.1499999999999999</v>
      </c>
      <c r="O19" s="24">
        <v>20.8</v>
      </c>
      <c r="P19" s="25">
        <v>26</v>
      </c>
      <c r="Q19" s="34">
        <v>-0.8</v>
      </c>
      <c r="R19" s="35"/>
      <c r="S19" s="35"/>
      <c r="T19" s="35"/>
    </row>
    <row r="20" spans="1:20" ht="20.100000000000001" customHeight="1" x14ac:dyDescent="0.15">
      <c r="A20" s="23">
        <v>15</v>
      </c>
      <c r="B20" s="98" t="s">
        <v>32</v>
      </c>
      <c r="C20" s="91">
        <v>24.97</v>
      </c>
      <c r="D20" s="28">
        <v>27</v>
      </c>
      <c r="E20" s="27">
        <v>-1</v>
      </c>
      <c r="F20" s="29">
        <v>23.03</v>
      </c>
      <c r="G20" s="30">
        <v>29</v>
      </c>
      <c r="H20" s="31">
        <v>-1.94</v>
      </c>
      <c r="I20" s="32">
        <v>21.74</v>
      </c>
      <c r="J20" s="33">
        <v>29</v>
      </c>
      <c r="K20" s="31">
        <v>-1.29</v>
      </c>
      <c r="L20" s="32">
        <v>20.71</v>
      </c>
      <c r="M20" s="33">
        <v>29</v>
      </c>
      <c r="N20" s="29">
        <v>-1.03</v>
      </c>
      <c r="O20" s="24">
        <v>19.920000000000002</v>
      </c>
      <c r="P20" s="25">
        <v>29</v>
      </c>
      <c r="Q20" s="34">
        <v>-0.79</v>
      </c>
      <c r="R20" s="35"/>
      <c r="S20" s="35"/>
      <c r="T20" s="35"/>
    </row>
    <row r="21" spans="1:20" ht="20.100000000000001" customHeight="1" x14ac:dyDescent="0.15">
      <c r="A21" s="23">
        <v>16</v>
      </c>
      <c r="B21" s="98" t="s">
        <v>33</v>
      </c>
      <c r="C21" s="91">
        <v>25.33</v>
      </c>
      <c r="D21" s="28">
        <v>26</v>
      </c>
      <c r="E21" s="27">
        <v>-1.4</v>
      </c>
      <c r="F21" s="29">
        <v>23.66</v>
      </c>
      <c r="G21" s="30">
        <v>26</v>
      </c>
      <c r="H21" s="31">
        <v>-1.67</v>
      </c>
      <c r="I21" s="32">
        <v>22.12</v>
      </c>
      <c r="J21" s="33">
        <v>26</v>
      </c>
      <c r="K21" s="31">
        <v>-1.54</v>
      </c>
      <c r="L21" s="32">
        <v>21.07</v>
      </c>
      <c r="M21" s="33">
        <v>28</v>
      </c>
      <c r="N21" s="29">
        <v>-1.05</v>
      </c>
      <c r="O21" s="24">
        <v>20.170000000000002</v>
      </c>
      <c r="P21" s="25">
        <v>28</v>
      </c>
      <c r="Q21" s="34">
        <v>-0.9</v>
      </c>
      <c r="R21" s="35"/>
      <c r="S21" s="35"/>
      <c r="T21" s="35"/>
    </row>
    <row r="22" spans="1:20" ht="20.100000000000001" customHeight="1" x14ac:dyDescent="0.15">
      <c r="A22" s="23">
        <v>17</v>
      </c>
      <c r="B22" s="98" t="s">
        <v>34</v>
      </c>
      <c r="C22" s="91">
        <v>27.05</v>
      </c>
      <c r="D22" s="28">
        <v>18</v>
      </c>
      <c r="E22" s="27">
        <v>-1.04</v>
      </c>
      <c r="F22" s="29">
        <v>25.2</v>
      </c>
      <c r="G22" s="30">
        <v>20</v>
      </c>
      <c r="H22" s="31">
        <v>-1.85</v>
      </c>
      <c r="I22" s="32">
        <v>23.76</v>
      </c>
      <c r="J22" s="33">
        <v>19</v>
      </c>
      <c r="K22" s="31">
        <v>-1.44</v>
      </c>
      <c r="L22" s="32">
        <v>22.47</v>
      </c>
      <c r="M22" s="33">
        <v>19</v>
      </c>
      <c r="N22" s="29">
        <v>-1.29</v>
      </c>
      <c r="O22" s="24">
        <v>21.59</v>
      </c>
      <c r="P22" s="25">
        <v>21</v>
      </c>
      <c r="Q22" s="34">
        <v>-0.88</v>
      </c>
      <c r="R22" s="35"/>
      <c r="S22" s="35"/>
      <c r="T22" s="35"/>
    </row>
    <row r="23" spans="1:20" ht="20.100000000000001" customHeight="1" x14ac:dyDescent="0.15">
      <c r="A23" s="23">
        <v>18</v>
      </c>
      <c r="B23" s="98" t="s">
        <v>35</v>
      </c>
      <c r="C23" s="91">
        <v>24.83</v>
      </c>
      <c r="D23" s="28">
        <v>28</v>
      </c>
      <c r="E23" s="27">
        <v>-0.98</v>
      </c>
      <c r="F23" s="29">
        <v>23.04</v>
      </c>
      <c r="G23" s="30">
        <v>28</v>
      </c>
      <c r="H23" s="31">
        <v>-1.79</v>
      </c>
      <c r="I23" s="32">
        <v>21.99</v>
      </c>
      <c r="J23" s="33">
        <v>28</v>
      </c>
      <c r="K23" s="31">
        <v>-1.05</v>
      </c>
      <c r="L23" s="32">
        <v>21.47</v>
      </c>
      <c r="M23" s="33">
        <v>26</v>
      </c>
      <c r="N23" s="29">
        <v>-0.52</v>
      </c>
      <c r="O23" s="24">
        <v>21.01</v>
      </c>
      <c r="P23" s="25">
        <v>25</v>
      </c>
      <c r="Q23" s="34">
        <v>-0.46</v>
      </c>
      <c r="R23" s="35"/>
      <c r="S23" s="35"/>
      <c r="T23" s="35"/>
    </row>
    <row r="24" spans="1:20" ht="20.100000000000001" customHeight="1" x14ac:dyDescent="0.15">
      <c r="A24" s="23">
        <v>19</v>
      </c>
      <c r="B24" s="99" t="s">
        <v>36</v>
      </c>
      <c r="C24" s="92">
        <v>29.63</v>
      </c>
      <c r="D24" s="40">
        <v>9</v>
      </c>
      <c r="E24" s="39">
        <v>-0.98</v>
      </c>
      <c r="F24" s="41">
        <v>28.14</v>
      </c>
      <c r="G24" s="42">
        <v>10</v>
      </c>
      <c r="H24" s="43">
        <v>-1.49</v>
      </c>
      <c r="I24" s="44">
        <v>26.75</v>
      </c>
      <c r="J24" s="45">
        <v>10</v>
      </c>
      <c r="K24" s="43">
        <v>-1.39</v>
      </c>
      <c r="L24" s="44">
        <v>25.75</v>
      </c>
      <c r="M24" s="45">
        <v>9</v>
      </c>
      <c r="N24" s="41">
        <v>-1</v>
      </c>
      <c r="O24" s="37">
        <v>24.75</v>
      </c>
      <c r="P24" s="38">
        <v>9</v>
      </c>
      <c r="Q24" s="34">
        <v>-1</v>
      </c>
      <c r="R24" s="35"/>
      <c r="S24" s="35"/>
      <c r="T24" s="35"/>
    </row>
    <row r="25" spans="1:20" ht="20.100000000000001" customHeight="1" x14ac:dyDescent="0.15">
      <c r="A25" s="23">
        <v>20</v>
      </c>
      <c r="B25" s="98" t="s">
        <v>37</v>
      </c>
      <c r="C25" s="91">
        <v>26.94</v>
      </c>
      <c r="D25" s="28">
        <v>20</v>
      </c>
      <c r="E25" s="27">
        <v>-1.59</v>
      </c>
      <c r="F25" s="29">
        <v>24.77</v>
      </c>
      <c r="G25" s="30">
        <v>22</v>
      </c>
      <c r="H25" s="31">
        <v>-2.17</v>
      </c>
      <c r="I25" s="32">
        <v>23.47</v>
      </c>
      <c r="J25" s="33">
        <v>21</v>
      </c>
      <c r="K25" s="31">
        <v>-1.3</v>
      </c>
      <c r="L25" s="32">
        <v>22.43</v>
      </c>
      <c r="M25" s="33">
        <v>21</v>
      </c>
      <c r="N25" s="29">
        <v>-1.04</v>
      </c>
      <c r="O25" s="24">
        <v>21.95</v>
      </c>
      <c r="P25" s="25">
        <v>17</v>
      </c>
      <c r="Q25" s="34">
        <v>-0.48</v>
      </c>
      <c r="R25" s="35"/>
      <c r="S25" s="35"/>
      <c r="T25" s="35"/>
    </row>
    <row r="26" spans="1:20" ht="20.100000000000001" customHeight="1" x14ac:dyDescent="0.15">
      <c r="A26" s="23">
        <v>21</v>
      </c>
      <c r="B26" s="98" t="s">
        <v>38</v>
      </c>
      <c r="C26" s="32">
        <v>29.36</v>
      </c>
      <c r="D26" s="28">
        <v>10</v>
      </c>
      <c r="E26" s="27">
        <v>-1.32</v>
      </c>
      <c r="F26" s="32">
        <v>27.21</v>
      </c>
      <c r="G26" s="30">
        <v>11</v>
      </c>
      <c r="H26" s="31">
        <v>-2.15</v>
      </c>
      <c r="I26" s="32">
        <v>25.53</v>
      </c>
      <c r="J26" s="33">
        <v>11</v>
      </c>
      <c r="K26" s="31">
        <v>-1.68</v>
      </c>
      <c r="L26" s="32">
        <v>24.09</v>
      </c>
      <c r="M26" s="33">
        <v>12</v>
      </c>
      <c r="N26" s="29">
        <v>-1.44</v>
      </c>
      <c r="O26" s="46">
        <v>23.08</v>
      </c>
      <c r="P26" s="26">
        <v>13</v>
      </c>
      <c r="Q26" s="34">
        <v>-1.01</v>
      </c>
      <c r="R26" s="35"/>
      <c r="S26" s="35"/>
      <c r="T26" s="35"/>
    </row>
    <row r="27" spans="1:20" ht="20.100000000000001" customHeight="1" x14ac:dyDescent="0.15">
      <c r="A27" s="23">
        <v>22</v>
      </c>
      <c r="B27" s="98" t="s">
        <v>39</v>
      </c>
      <c r="C27" s="32">
        <v>29.27</v>
      </c>
      <c r="D27" s="28">
        <v>11</v>
      </c>
      <c r="E27" s="27">
        <v>-0.08</v>
      </c>
      <c r="F27" s="32">
        <v>28.19</v>
      </c>
      <c r="G27" s="30">
        <v>9</v>
      </c>
      <c r="H27" s="31">
        <v>-1.08</v>
      </c>
      <c r="I27" s="32">
        <v>26.76</v>
      </c>
      <c r="J27" s="33">
        <v>9</v>
      </c>
      <c r="K27" s="31">
        <v>-1.43</v>
      </c>
      <c r="L27" s="32">
        <v>25.56</v>
      </c>
      <c r="M27" s="33">
        <v>10</v>
      </c>
      <c r="N27" s="29">
        <v>-1.2</v>
      </c>
      <c r="O27" s="46">
        <v>24.48</v>
      </c>
      <c r="P27" s="26">
        <v>10</v>
      </c>
      <c r="Q27" s="34">
        <v>-1.08</v>
      </c>
      <c r="R27" s="35"/>
      <c r="S27" s="35"/>
      <c r="T27" s="35"/>
    </row>
    <row r="28" spans="1:20" ht="20.100000000000001" customHeight="1" x14ac:dyDescent="0.15">
      <c r="A28" s="23">
        <v>23</v>
      </c>
      <c r="B28" s="98" t="s">
        <v>40</v>
      </c>
      <c r="C28" s="32">
        <v>27.34</v>
      </c>
      <c r="D28" s="47">
        <v>16</v>
      </c>
      <c r="E28" s="27">
        <v>-0.64</v>
      </c>
      <c r="F28" s="29">
        <v>26.31</v>
      </c>
      <c r="G28" s="30">
        <v>12</v>
      </c>
      <c r="H28" s="31">
        <v>-1.03</v>
      </c>
      <c r="I28" s="32">
        <v>25.13</v>
      </c>
      <c r="J28" s="33">
        <v>12</v>
      </c>
      <c r="K28" s="31">
        <v>-1.18</v>
      </c>
      <c r="L28" s="32">
        <v>24.22</v>
      </c>
      <c r="M28" s="33">
        <v>11</v>
      </c>
      <c r="N28" s="29">
        <v>-0.91</v>
      </c>
      <c r="O28" s="46">
        <v>23.33</v>
      </c>
      <c r="P28" s="26">
        <v>11</v>
      </c>
      <c r="Q28" s="34">
        <v>-0.89</v>
      </c>
      <c r="R28" s="35"/>
      <c r="S28" s="35"/>
      <c r="T28" s="35"/>
    </row>
    <row r="29" spans="1:20" ht="20.100000000000001" customHeight="1" x14ac:dyDescent="0.15">
      <c r="A29" s="23">
        <v>24</v>
      </c>
      <c r="B29" s="98" t="s">
        <v>41</v>
      </c>
      <c r="C29" s="91">
        <v>30.9</v>
      </c>
      <c r="D29" s="28">
        <v>6</v>
      </c>
      <c r="E29" s="27">
        <v>-0.89</v>
      </c>
      <c r="F29" s="29">
        <v>29.55</v>
      </c>
      <c r="G29" s="30">
        <v>6</v>
      </c>
      <c r="H29" s="31">
        <v>-1.35</v>
      </c>
      <c r="I29" s="32">
        <v>27.91</v>
      </c>
      <c r="J29" s="33">
        <v>7</v>
      </c>
      <c r="K29" s="31">
        <v>-1.64</v>
      </c>
      <c r="L29" s="32">
        <v>26.66</v>
      </c>
      <c r="M29" s="33">
        <v>8</v>
      </c>
      <c r="N29" s="29">
        <v>-1.25</v>
      </c>
      <c r="O29" s="24">
        <v>26.04</v>
      </c>
      <c r="P29" s="25">
        <v>6</v>
      </c>
      <c r="Q29" s="34">
        <v>-0.62</v>
      </c>
      <c r="R29" s="35"/>
      <c r="S29" s="35"/>
      <c r="T29" s="35"/>
    </row>
    <row r="30" spans="1:20" ht="20.100000000000001" customHeight="1" x14ac:dyDescent="0.15">
      <c r="A30" s="23">
        <v>25</v>
      </c>
      <c r="B30" s="98" t="s">
        <v>42</v>
      </c>
      <c r="C30" s="91">
        <v>26.87</v>
      </c>
      <c r="D30" s="28">
        <v>21</v>
      </c>
      <c r="E30" s="27">
        <v>-1.03</v>
      </c>
      <c r="F30" s="29">
        <v>25.24</v>
      </c>
      <c r="G30" s="30">
        <v>19</v>
      </c>
      <c r="H30" s="31">
        <v>-1.63</v>
      </c>
      <c r="I30" s="32">
        <v>23.65</v>
      </c>
      <c r="J30" s="33">
        <v>20</v>
      </c>
      <c r="K30" s="31">
        <v>-1.59</v>
      </c>
      <c r="L30" s="32">
        <v>22.47</v>
      </c>
      <c r="M30" s="33">
        <v>19</v>
      </c>
      <c r="N30" s="29">
        <v>-1.18</v>
      </c>
      <c r="O30" s="24">
        <v>21.82</v>
      </c>
      <c r="P30" s="25">
        <v>19</v>
      </c>
      <c r="Q30" s="34">
        <v>-0.65</v>
      </c>
      <c r="R30" s="35"/>
      <c r="S30" s="35"/>
      <c r="T30" s="35"/>
    </row>
    <row r="31" spans="1:20" ht="20.100000000000001" customHeight="1" x14ac:dyDescent="0.15">
      <c r="A31" s="23">
        <v>26</v>
      </c>
      <c r="B31" s="98" t="s">
        <v>43</v>
      </c>
      <c r="C31" s="91">
        <v>27.95</v>
      </c>
      <c r="D31" s="28">
        <v>12</v>
      </c>
      <c r="E31" s="27">
        <v>-0.77</v>
      </c>
      <c r="F31" s="29">
        <v>26.14</v>
      </c>
      <c r="G31" s="30">
        <v>13</v>
      </c>
      <c r="H31" s="31">
        <v>-1.81</v>
      </c>
      <c r="I31" s="32">
        <v>24.74</v>
      </c>
      <c r="J31" s="33">
        <v>14</v>
      </c>
      <c r="K31" s="31">
        <v>-1.4</v>
      </c>
      <c r="L31" s="32">
        <v>23.57</v>
      </c>
      <c r="M31" s="33">
        <v>14</v>
      </c>
      <c r="N31" s="29">
        <v>-1.17</v>
      </c>
      <c r="O31" s="24">
        <v>23.11</v>
      </c>
      <c r="P31" s="25">
        <v>12</v>
      </c>
      <c r="Q31" s="34">
        <v>-0.46</v>
      </c>
      <c r="R31" s="35"/>
      <c r="S31" s="35"/>
      <c r="T31" s="35"/>
    </row>
    <row r="32" spans="1:20" ht="20.100000000000001" customHeight="1" x14ac:dyDescent="0.15">
      <c r="A32" s="23">
        <v>27</v>
      </c>
      <c r="B32" s="98" t="s">
        <v>44</v>
      </c>
      <c r="C32" s="91">
        <v>30.02</v>
      </c>
      <c r="D32" s="28">
        <v>8</v>
      </c>
      <c r="E32" s="27">
        <v>-0.26</v>
      </c>
      <c r="F32" s="29">
        <v>28.88</v>
      </c>
      <c r="G32" s="30">
        <v>7</v>
      </c>
      <c r="H32" s="31">
        <v>-1.1399999999999999</v>
      </c>
      <c r="I32" s="32">
        <v>28.41</v>
      </c>
      <c r="J32" s="33">
        <v>5</v>
      </c>
      <c r="K32" s="31">
        <v>-0.47</v>
      </c>
      <c r="L32" s="32">
        <v>28</v>
      </c>
      <c r="M32" s="33">
        <v>4</v>
      </c>
      <c r="N32" s="29">
        <v>-0.41</v>
      </c>
      <c r="O32" s="24">
        <v>27.14</v>
      </c>
      <c r="P32" s="25">
        <v>4</v>
      </c>
      <c r="Q32" s="34">
        <v>-0.86</v>
      </c>
      <c r="R32" s="35"/>
      <c r="S32" s="35"/>
      <c r="T32" s="35"/>
    </row>
    <row r="33" spans="1:20" ht="20.100000000000001" customHeight="1" x14ac:dyDescent="0.15">
      <c r="A33" s="23">
        <v>28</v>
      </c>
      <c r="B33" s="98" t="s">
        <v>45</v>
      </c>
      <c r="C33" s="91">
        <v>22.31</v>
      </c>
      <c r="D33" s="28">
        <v>31</v>
      </c>
      <c r="E33" s="27">
        <v>-0.64</v>
      </c>
      <c r="F33" s="29">
        <v>20.56</v>
      </c>
      <c r="G33" s="30">
        <v>32</v>
      </c>
      <c r="H33" s="31">
        <v>-1.75</v>
      </c>
      <c r="I33" s="32">
        <v>19.350000000000001</v>
      </c>
      <c r="J33" s="33">
        <v>32</v>
      </c>
      <c r="K33" s="31">
        <v>-1.21</v>
      </c>
      <c r="L33" s="32">
        <v>18.09</v>
      </c>
      <c r="M33" s="33">
        <v>32</v>
      </c>
      <c r="N33" s="29">
        <v>-1.26</v>
      </c>
      <c r="O33" s="24">
        <v>17.39</v>
      </c>
      <c r="P33" s="25">
        <v>32</v>
      </c>
      <c r="Q33" s="34">
        <v>-0.7</v>
      </c>
      <c r="R33" s="35"/>
      <c r="S33" s="35"/>
      <c r="T33" s="35"/>
    </row>
    <row r="34" spans="1:20" ht="20.100000000000001" customHeight="1" x14ac:dyDescent="0.15">
      <c r="A34" s="23">
        <v>29</v>
      </c>
      <c r="B34" s="98" t="s">
        <v>46</v>
      </c>
      <c r="C34" s="91">
        <v>32.31</v>
      </c>
      <c r="D34" s="28">
        <v>5</v>
      </c>
      <c r="E34" s="27">
        <v>2.31</v>
      </c>
      <c r="F34" s="29">
        <v>29.79</v>
      </c>
      <c r="G34" s="30">
        <v>5</v>
      </c>
      <c r="H34" s="31">
        <v>-2.52</v>
      </c>
      <c r="I34" s="32">
        <v>27.73</v>
      </c>
      <c r="J34" s="33">
        <v>8</v>
      </c>
      <c r="K34" s="31">
        <v>-2.06</v>
      </c>
      <c r="L34" s="32">
        <v>26.94</v>
      </c>
      <c r="M34" s="33">
        <v>7</v>
      </c>
      <c r="N34" s="29">
        <v>-0.79</v>
      </c>
      <c r="O34" s="24">
        <v>25.42</v>
      </c>
      <c r="P34" s="25">
        <v>7</v>
      </c>
      <c r="Q34" s="34">
        <v>-1.52</v>
      </c>
      <c r="R34" s="35"/>
      <c r="S34" s="35"/>
      <c r="T34" s="35"/>
    </row>
    <row r="35" spans="1:20" ht="20.100000000000001" customHeight="1" x14ac:dyDescent="0.15">
      <c r="A35" s="23">
        <v>30</v>
      </c>
      <c r="B35" s="98" t="s">
        <v>47</v>
      </c>
      <c r="C35" s="91">
        <v>37.619999999999997</v>
      </c>
      <c r="D35" s="28">
        <v>1</v>
      </c>
      <c r="E35" s="27">
        <v>-0.15</v>
      </c>
      <c r="F35" s="29">
        <v>35.659999999999997</v>
      </c>
      <c r="G35" s="30">
        <v>1</v>
      </c>
      <c r="H35" s="31">
        <v>-1.96</v>
      </c>
      <c r="I35" s="32">
        <v>33.86</v>
      </c>
      <c r="J35" s="33">
        <v>1</v>
      </c>
      <c r="K35" s="31">
        <v>-1.8</v>
      </c>
      <c r="L35" s="32">
        <v>32.26</v>
      </c>
      <c r="M35" s="33">
        <v>1</v>
      </c>
      <c r="N35" s="29">
        <v>-1.6</v>
      </c>
      <c r="O35" s="24">
        <v>31.53</v>
      </c>
      <c r="P35" s="25">
        <v>1</v>
      </c>
      <c r="Q35" s="34">
        <v>-0.73</v>
      </c>
      <c r="R35" s="35"/>
      <c r="S35" s="35"/>
      <c r="T35" s="35"/>
    </row>
    <row r="36" spans="1:20" ht="20.100000000000001" customHeight="1" x14ac:dyDescent="0.15">
      <c r="A36" s="23">
        <v>31</v>
      </c>
      <c r="B36" s="98" t="s">
        <v>48</v>
      </c>
      <c r="C36" s="91">
        <v>34.549999999999997</v>
      </c>
      <c r="D36" s="28">
        <v>3</v>
      </c>
      <c r="E36" s="27">
        <v>-0.88</v>
      </c>
      <c r="F36" s="29">
        <v>32.42</v>
      </c>
      <c r="G36" s="30">
        <v>3</v>
      </c>
      <c r="H36" s="31">
        <v>-2.13</v>
      </c>
      <c r="I36" s="32">
        <v>30.49</v>
      </c>
      <c r="J36" s="33">
        <v>3</v>
      </c>
      <c r="K36" s="31">
        <v>-1.93</v>
      </c>
      <c r="L36" s="32">
        <v>29.5</v>
      </c>
      <c r="M36" s="33">
        <v>3</v>
      </c>
      <c r="N36" s="29">
        <v>-0.99</v>
      </c>
      <c r="O36" s="24">
        <v>28.6</v>
      </c>
      <c r="P36" s="25">
        <v>3</v>
      </c>
      <c r="Q36" s="34">
        <v>-0.9</v>
      </c>
      <c r="R36" s="35"/>
      <c r="S36" s="35"/>
      <c r="T36" s="35"/>
    </row>
    <row r="37" spans="1:20" ht="20.100000000000001" customHeight="1" x14ac:dyDescent="0.15">
      <c r="A37" s="23">
        <v>32</v>
      </c>
      <c r="B37" s="98" t="s">
        <v>49</v>
      </c>
      <c r="C37" s="91">
        <v>32.99</v>
      </c>
      <c r="D37" s="28">
        <v>4</v>
      </c>
      <c r="E37" s="27">
        <v>-1.5</v>
      </c>
      <c r="F37" s="29">
        <v>30.92</v>
      </c>
      <c r="G37" s="30">
        <v>4</v>
      </c>
      <c r="H37" s="31">
        <v>-2.0699999999999998</v>
      </c>
      <c r="I37" s="32">
        <v>29.32</v>
      </c>
      <c r="J37" s="33">
        <v>4</v>
      </c>
      <c r="K37" s="31">
        <v>-1.6</v>
      </c>
      <c r="L37" s="32">
        <v>27.88</v>
      </c>
      <c r="M37" s="33">
        <v>5</v>
      </c>
      <c r="N37" s="29">
        <v>-1.44</v>
      </c>
      <c r="O37" s="24">
        <v>26.92</v>
      </c>
      <c r="P37" s="25">
        <v>5</v>
      </c>
      <c r="Q37" s="34">
        <v>-0.96</v>
      </c>
      <c r="R37" s="35"/>
      <c r="S37" s="35"/>
      <c r="T37" s="35"/>
    </row>
    <row r="38" spans="1:20" ht="20.100000000000001" customHeight="1" thickBot="1" x14ac:dyDescent="0.2">
      <c r="A38" s="23">
        <v>33</v>
      </c>
      <c r="B38" s="98" t="s">
        <v>50</v>
      </c>
      <c r="C38" s="91">
        <v>30.43</v>
      </c>
      <c r="D38" s="28">
        <v>7</v>
      </c>
      <c r="E38" s="27">
        <v>-1.78</v>
      </c>
      <c r="F38" s="29">
        <v>28.81</v>
      </c>
      <c r="G38" s="30">
        <v>8</v>
      </c>
      <c r="H38" s="31">
        <v>-1.62</v>
      </c>
      <c r="I38" s="32">
        <v>28.08</v>
      </c>
      <c r="J38" s="33">
        <v>6</v>
      </c>
      <c r="K38" s="31">
        <v>-0.73</v>
      </c>
      <c r="L38" s="32">
        <v>26.99</v>
      </c>
      <c r="M38" s="33">
        <v>6</v>
      </c>
      <c r="N38" s="29">
        <v>-1.0900000000000001</v>
      </c>
      <c r="O38" s="24">
        <v>25.2</v>
      </c>
      <c r="P38" s="25">
        <v>8</v>
      </c>
      <c r="Q38" s="48">
        <v>-1.79</v>
      </c>
      <c r="R38" s="35"/>
      <c r="S38" s="35"/>
      <c r="T38" s="35"/>
    </row>
    <row r="39" spans="1:20" ht="20.100000000000001" hidden="1" customHeight="1" thickTop="1" x14ac:dyDescent="0.15">
      <c r="A39" s="23">
        <v>34</v>
      </c>
      <c r="B39" s="100" t="s">
        <v>51</v>
      </c>
      <c r="C39" s="93"/>
      <c r="D39" s="50"/>
      <c r="E39" s="51"/>
      <c r="F39" s="52" t="s">
        <v>52</v>
      </c>
      <c r="G39" s="53" t="s">
        <v>52</v>
      </c>
      <c r="H39" s="54" t="e">
        <v>#VALUE!</v>
      </c>
      <c r="I39" s="55" t="s">
        <v>52</v>
      </c>
      <c r="J39" s="56" t="s">
        <v>52</v>
      </c>
      <c r="K39" s="54" t="e">
        <v>#VALUE!</v>
      </c>
      <c r="L39" s="55" t="s">
        <v>52</v>
      </c>
      <c r="M39" s="56" t="s">
        <v>52</v>
      </c>
      <c r="N39" s="52" t="e">
        <v>#VALUE!</v>
      </c>
      <c r="O39" s="49" t="s">
        <v>52</v>
      </c>
      <c r="P39" s="57" t="s">
        <v>53</v>
      </c>
      <c r="Q39" s="58" t="e">
        <v>#VALUE!</v>
      </c>
      <c r="R39" s="59"/>
      <c r="S39" s="59"/>
      <c r="T39" s="59"/>
    </row>
    <row r="40" spans="1:20" ht="20.100000000000001" hidden="1" customHeight="1" x14ac:dyDescent="0.15">
      <c r="A40" s="23">
        <v>35</v>
      </c>
      <c r="B40" s="100" t="s">
        <v>54</v>
      </c>
      <c r="C40" s="93"/>
      <c r="D40" s="50"/>
      <c r="E40" s="51"/>
      <c r="F40" s="52" t="s">
        <v>52</v>
      </c>
      <c r="G40" s="53" t="s">
        <v>52</v>
      </c>
      <c r="H40" s="54" t="e">
        <v>#VALUE!</v>
      </c>
      <c r="I40" s="55" t="s">
        <v>52</v>
      </c>
      <c r="J40" s="56" t="s">
        <v>52</v>
      </c>
      <c r="K40" s="54" t="e">
        <v>#VALUE!</v>
      </c>
      <c r="L40" s="55" t="s">
        <v>52</v>
      </c>
      <c r="M40" s="56" t="s">
        <v>52</v>
      </c>
      <c r="N40" s="52" t="e">
        <v>#VALUE!</v>
      </c>
      <c r="O40" s="49" t="s">
        <v>52</v>
      </c>
      <c r="P40" s="57" t="s">
        <v>53</v>
      </c>
      <c r="Q40" s="58" t="e">
        <v>#VALUE!</v>
      </c>
      <c r="R40" s="59"/>
      <c r="S40" s="59"/>
      <c r="T40" s="59"/>
    </row>
    <row r="41" spans="1:20" ht="20.100000000000001" hidden="1" customHeight="1" x14ac:dyDescent="0.15">
      <c r="A41" s="23">
        <v>36</v>
      </c>
      <c r="B41" s="100" t="s">
        <v>55</v>
      </c>
      <c r="C41" s="93"/>
      <c r="D41" s="50"/>
      <c r="E41" s="51"/>
      <c r="F41" s="52" t="s">
        <v>52</v>
      </c>
      <c r="G41" s="53" t="s">
        <v>52</v>
      </c>
      <c r="H41" s="54" t="e">
        <v>#VALUE!</v>
      </c>
      <c r="I41" s="55" t="s">
        <v>52</v>
      </c>
      <c r="J41" s="56" t="s">
        <v>52</v>
      </c>
      <c r="K41" s="54" t="e">
        <v>#VALUE!</v>
      </c>
      <c r="L41" s="55" t="s">
        <v>52</v>
      </c>
      <c r="M41" s="56" t="s">
        <v>52</v>
      </c>
      <c r="N41" s="52" t="e">
        <v>#VALUE!</v>
      </c>
      <c r="O41" s="49" t="s">
        <v>52</v>
      </c>
      <c r="P41" s="57" t="s">
        <v>53</v>
      </c>
      <c r="Q41" s="58" t="e">
        <v>#VALUE!</v>
      </c>
      <c r="R41" s="59"/>
      <c r="S41" s="59"/>
      <c r="T41" s="59"/>
    </row>
    <row r="42" spans="1:20" ht="20.100000000000001" hidden="1" customHeight="1" thickBot="1" x14ac:dyDescent="0.2">
      <c r="A42" s="23">
        <v>37</v>
      </c>
      <c r="B42" s="101" t="s">
        <v>56</v>
      </c>
      <c r="C42" s="94"/>
      <c r="D42" s="60"/>
      <c r="E42" s="61"/>
      <c r="F42" s="62" t="s">
        <v>52</v>
      </c>
      <c r="G42" s="63" t="s">
        <v>52</v>
      </c>
      <c r="H42" s="64" t="e">
        <v>#VALUE!</v>
      </c>
      <c r="I42" s="65" t="s">
        <v>52</v>
      </c>
      <c r="J42" s="66" t="s">
        <v>52</v>
      </c>
      <c r="K42" s="64" t="e">
        <v>#VALUE!</v>
      </c>
      <c r="L42" s="65" t="s">
        <v>52</v>
      </c>
      <c r="M42" s="66" t="s">
        <v>52</v>
      </c>
      <c r="N42" s="62" t="e">
        <v>#VALUE!</v>
      </c>
      <c r="O42" s="67" t="s">
        <v>52</v>
      </c>
      <c r="P42" s="57" t="s">
        <v>53</v>
      </c>
      <c r="Q42" s="58" t="e">
        <v>#VALUE!</v>
      </c>
      <c r="R42" s="59"/>
      <c r="S42" s="59"/>
      <c r="T42" s="59"/>
    </row>
    <row r="43" spans="1:20" ht="20.100000000000001" customHeight="1" thickTop="1" thickBot="1" x14ac:dyDescent="0.25">
      <c r="A43" s="207" t="s">
        <v>57</v>
      </c>
      <c r="B43" s="208"/>
      <c r="C43" s="95">
        <v>23.93</v>
      </c>
      <c r="D43" s="69"/>
      <c r="E43" s="70">
        <v>-1.05</v>
      </c>
      <c r="F43" s="71">
        <v>22.44</v>
      </c>
      <c r="G43" s="72"/>
      <c r="H43" s="73">
        <v>-1.49</v>
      </c>
      <c r="I43" s="74">
        <v>21.18</v>
      </c>
      <c r="J43" s="75"/>
      <c r="K43" s="73">
        <v>-1.26</v>
      </c>
      <c r="L43" s="74">
        <v>20.18</v>
      </c>
      <c r="M43" s="75"/>
      <c r="N43" s="71">
        <v>-1</v>
      </c>
      <c r="O43" s="76">
        <v>19.43</v>
      </c>
      <c r="P43" s="68"/>
      <c r="Q43" s="58">
        <v>-0.75</v>
      </c>
      <c r="R43" s="77"/>
      <c r="S43" s="77"/>
      <c r="T43" s="77"/>
    </row>
    <row r="44" spans="1:20" ht="20.100000000000001" customHeight="1" thickTop="1" thickBot="1" x14ac:dyDescent="0.25">
      <c r="A44" s="215" t="s">
        <v>58</v>
      </c>
      <c r="B44" s="216"/>
      <c r="C44" s="96">
        <v>25.54</v>
      </c>
      <c r="D44" s="78"/>
      <c r="E44" s="80">
        <v>-1.18</v>
      </c>
      <c r="F44" s="81">
        <v>24</v>
      </c>
      <c r="G44" s="82"/>
      <c r="H44" s="83">
        <v>-1.54</v>
      </c>
      <c r="I44" s="84">
        <v>22.69</v>
      </c>
      <c r="J44" s="85"/>
      <c r="K44" s="83">
        <v>-1.31</v>
      </c>
      <c r="L44" s="84">
        <v>21.64</v>
      </c>
      <c r="M44" s="85"/>
      <c r="N44" s="81">
        <v>-1.05</v>
      </c>
      <c r="O44" s="86">
        <v>20.88</v>
      </c>
      <c r="P44" s="79"/>
      <c r="Q44" s="87">
        <v>-0.76</v>
      </c>
      <c r="R44" s="77"/>
      <c r="S44" s="77"/>
      <c r="T44" s="77"/>
    </row>
    <row r="45" spans="1:20" ht="15.9" customHeight="1" x14ac:dyDescent="0.15">
      <c r="Q45" s="88"/>
      <c r="R45" s="88"/>
      <c r="S45" s="88"/>
      <c r="T45" s="88"/>
    </row>
    <row r="46" spans="1:20" ht="15.9" customHeight="1" x14ac:dyDescent="0.15">
      <c r="Q46" s="88"/>
      <c r="R46" s="88"/>
      <c r="S46" s="88"/>
      <c r="T46" s="88"/>
    </row>
    <row r="47" spans="1:20" ht="15.9" customHeight="1" x14ac:dyDescent="0.15"/>
    <row r="48" spans="1:20" ht="15.9" customHeight="1" x14ac:dyDescent="0.15"/>
    <row r="49" ht="15.9" customHeight="1" x14ac:dyDescent="0.15"/>
    <row r="50" ht="15.9" customHeight="1" x14ac:dyDescent="0.15"/>
    <row r="51" ht="15.9" customHeight="1" x14ac:dyDescent="0.15"/>
    <row r="52" ht="15" customHeight="1" x14ac:dyDescent="0.15"/>
  </sheetData>
  <mergeCells count="8">
    <mergeCell ref="O3:Q3"/>
    <mergeCell ref="A43:B43"/>
    <mergeCell ref="A3:B5"/>
    <mergeCell ref="A44:B44"/>
    <mergeCell ref="C3:E3"/>
    <mergeCell ref="F3:H3"/>
    <mergeCell ref="I3:K3"/>
    <mergeCell ref="L3:N3"/>
  </mergeCells>
  <phoneticPr fontId="2"/>
  <printOptions horizontalCentered="1" gridLinesSet="0"/>
  <pageMargins left="0.47244094488188981" right="0.35433070866141736" top="0.59055118110236227" bottom="0.15748031496062992" header="0.51181102362204722" footer="0.15748031496062992"/>
  <pageSetup paperSize="9" scale="95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48"/>
  <sheetViews>
    <sheetView zoomScaleNormal="100" zoomScaleSheetLayoutView="100" workbookViewId="0"/>
  </sheetViews>
  <sheetFormatPr defaultColWidth="9" defaultRowHeight="10.8" x14ac:dyDescent="0.15"/>
  <cols>
    <col min="1" max="1" width="3.77734375" style="115" customWidth="1"/>
    <col min="2" max="2" width="11.77734375" style="115" customWidth="1"/>
    <col min="3" max="3" width="10" style="115" customWidth="1"/>
    <col min="4" max="4" width="6.88671875" style="115" customWidth="1"/>
    <col min="5" max="5" width="5" style="115" customWidth="1"/>
    <col min="6" max="6" width="6.88671875" style="115" customWidth="1"/>
    <col min="7" max="7" width="5" style="115" customWidth="1"/>
    <col min="8" max="8" width="6.88671875" style="115" customWidth="1"/>
    <col min="9" max="9" width="5" style="115" customWidth="1"/>
    <col min="10" max="10" width="6.88671875" style="115" customWidth="1"/>
    <col min="11" max="11" width="5" style="115" customWidth="1"/>
    <col min="12" max="12" width="6.88671875" style="115" customWidth="1"/>
    <col min="13" max="13" width="5" style="115" customWidth="1"/>
    <col min="14" max="14" width="6.88671875" style="115" customWidth="1"/>
    <col min="15" max="15" width="5" style="115" customWidth="1"/>
    <col min="16" max="16" width="6.88671875" style="115" customWidth="1"/>
    <col min="17" max="17" width="5" style="115" customWidth="1"/>
    <col min="18" max="18" width="6.88671875" style="115" customWidth="1"/>
    <col min="19" max="19" width="5" style="115" customWidth="1"/>
    <col min="20" max="20" width="6.88671875" style="115" customWidth="1"/>
    <col min="21" max="21" width="5" style="115" customWidth="1"/>
    <col min="22" max="22" width="6.88671875" style="115" customWidth="1"/>
    <col min="23" max="23" width="5" style="115" customWidth="1"/>
    <col min="24" max="24" width="6.88671875" style="115" customWidth="1"/>
    <col min="25" max="25" width="5" style="115" customWidth="1"/>
    <col min="26" max="26" width="6.88671875" style="115" customWidth="1"/>
    <col min="27" max="27" width="5" style="115" customWidth="1"/>
    <col min="28" max="28" width="6.88671875" style="115" customWidth="1"/>
    <col min="29" max="29" width="5" style="115" customWidth="1"/>
    <col min="30" max="30" width="6.88671875" style="115" customWidth="1"/>
    <col min="31" max="31" width="5" style="115" customWidth="1"/>
    <col min="32" max="32" width="6.88671875" style="115" customWidth="1"/>
    <col min="33" max="33" width="5" style="115" customWidth="1"/>
    <col min="34" max="16384" width="9" style="115"/>
  </cols>
  <sheetData>
    <row r="1" spans="1:33" ht="15.75" customHeight="1" x14ac:dyDescent="0.2">
      <c r="A1" s="159" t="s">
        <v>154</v>
      </c>
      <c r="B1" s="145"/>
      <c r="H1" s="158"/>
      <c r="I1" s="158"/>
      <c r="J1" s="157"/>
    </row>
    <row r="2" spans="1:33" ht="13.5" customHeight="1" thickBot="1" x14ac:dyDescent="0.2">
      <c r="A2" s="145"/>
      <c r="B2" s="145"/>
      <c r="C2" s="145"/>
      <c r="S2" s="155"/>
      <c r="T2" s="156"/>
      <c r="AG2" s="155" t="s">
        <v>101</v>
      </c>
    </row>
    <row r="3" spans="1:33" s="151" customFormat="1" ht="20.100000000000001" customHeight="1" x14ac:dyDescent="0.15">
      <c r="A3" s="223" t="s">
        <v>1</v>
      </c>
      <c r="B3" s="224"/>
      <c r="C3" s="221" t="s">
        <v>100</v>
      </c>
      <c r="D3" s="153" t="s">
        <v>99</v>
      </c>
      <c r="E3" s="154"/>
      <c r="F3" s="153" t="s">
        <v>153</v>
      </c>
      <c r="G3" s="154"/>
      <c r="H3" s="153" t="s">
        <v>98</v>
      </c>
      <c r="I3" s="154"/>
      <c r="J3" s="153" t="s">
        <v>152</v>
      </c>
      <c r="K3" s="154"/>
      <c r="L3" s="153" t="s">
        <v>151</v>
      </c>
      <c r="M3" s="154"/>
      <c r="N3" s="153" t="s">
        <v>150</v>
      </c>
      <c r="O3" s="154"/>
      <c r="P3" s="153" t="s">
        <v>149</v>
      </c>
      <c r="Q3" s="154"/>
      <c r="R3" s="153" t="s">
        <v>148</v>
      </c>
      <c r="S3" s="154"/>
      <c r="T3" s="153" t="s">
        <v>147</v>
      </c>
      <c r="U3" s="154"/>
      <c r="V3" s="153" t="s">
        <v>146</v>
      </c>
      <c r="W3" s="154"/>
      <c r="X3" s="153" t="s">
        <v>145</v>
      </c>
      <c r="Y3" s="154"/>
      <c r="Z3" s="153" t="s">
        <v>144</v>
      </c>
      <c r="AA3" s="154"/>
      <c r="AB3" s="153" t="s">
        <v>143</v>
      </c>
      <c r="AC3" s="154"/>
      <c r="AD3" s="153" t="s">
        <v>142</v>
      </c>
      <c r="AE3" s="154"/>
      <c r="AF3" s="153" t="s">
        <v>141</v>
      </c>
      <c r="AG3" s="152"/>
    </row>
    <row r="4" spans="1:33" ht="20.100000000000001" customHeight="1" x14ac:dyDescent="0.15">
      <c r="A4" s="225"/>
      <c r="B4" s="226"/>
      <c r="C4" s="222"/>
      <c r="D4" s="150" t="s">
        <v>71</v>
      </c>
      <c r="E4" s="150" t="s">
        <v>97</v>
      </c>
      <c r="F4" s="150" t="s">
        <v>71</v>
      </c>
      <c r="G4" s="150" t="s">
        <v>97</v>
      </c>
      <c r="H4" s="150" t="s">
        <v>71</v>
      </c>
      <c r="I4" s="150" t="s">
        <v>97</v>
      </c>
      <c r="J4" s="150" t="s">
        <v>71</v>
      </c>
      <c r="K4" s="150" t="s">
        <v>97</v>
      </c>
      <c r="L4" s="150" t="s">
        <v>71</v>
      </c>
      <c r="M4" s="150" t="s">
        <v>97</v>
      </c>
      <c r="N4" s="150" t="s">
        <v>71</v>
      </c>
      <c r="O4" s="150" t="s">
        <v>97</v>
      </c>
      <c r="P4" s="150" t="s">
        <v>71</v>
      </c>
      <c r="Q4" s="150" t="s">
        <v>97</v>
      </c>
      <c r="R4" s="150" t="s">
        <v>71</v>
      </c>
      <c r="S4" s="150" t="s">
        <v>97</v>
      </c>
      <c r="T4" s="150" t="s">
        <v>71</v>
      </c>
      <c r="U4" s="150" t="s">
        <v>97</v>
      </c>
      <c r="V4" s="150" t="s">
        <v>71</v>
      </c>
      <c r="W4" s="150" t="s">
        <v>97</v>
      </c>
      <c r="X4" s="150" t="s">
        <v>71</v>
      </c>
      <c r="Y4" s="150" t="s">
        <v>97</v>
      </c>
      <c r="Z4" s="150" t="s">
        <v>71</v>
      </c>
      <c r="AA4" s="150" t="s">
        <v>97</v>
      </c>
      <c r="AB4" s="150" t="s">
        <v>71</v>
      </c>
      <c r="AC4" s="150" t="s">
        <v>97</v>
      </c>
      <c r="AD4" s="150" t="s">
        <v>71</v>
      </c>
      <c r="AE4" s="150" t="s">
        <v>97</v>
      </c>
      <c r="AF4" s="150" t="s">
        <v>71</v>
      </c>
      <c r="AG4" s="149" t="s">
        <v>97</v>
      </c>
    </row>
    <row r="5" spans="1:33" s="145" customFormat="1" ht="20.100000000000001" customHeight="1" thickBot="1" x14ac:dyDescent="0.2">
      <c r="A5" s="227"/>
      <c r="B5" s="228"/>
      <c r="C5" s="147" t="s">
        <v>96</v>
      </c>
      <c r="D5" s="148" t="s">
        <v>95</v>
      </c>
      <c r="E5" s="148" t="s">
        <v>94</v>
      </c>
      <c r="F5" s="147" t="s">
        <v>95</v>
      </c>
      <c r="G5" s="147" t="s">
        <v>94</v>
      </c>
      <c r="H5" s="147" t="s">
        <v>95</v>
      </c>
      <c r="I5" s="147" t="s">
        <v>94</v>
      </c>
      <c r="J5" s="147" t="s">
        <v>95</v>
      </c>
      <c r="K5" s="147" t="s">
        <v>94</v>
      </c>
      <c r="L5" s="147" t="s">
        <v>95</v>
      </c>
      <c r="M5" s="147" t="s">
        <v>94</v>
      </c>
      <c r="N5" s="147" t="s">
        <v>95</v>
      </c>
      <c r="O5" s="147" t="s">
        <v>94</v>
      </c>
      <c r="P5" s="147" t="s">
        <v>95</v>
      </c>
      <c r="Q5" s="147" t="s">
        <v>94</v>
      </c>
      <c r="R5" s="147" t="s">
        <v>95</v>
      </c>
      <c r="S5" s="147" t="s">
        <v>94</v>
      </c>
      <c r="T5" s="147" t="s">
        <v>95</v>
      </c>
      <c r="U5" s="147" t="s">
        <v>94</v>
      </c>
      <c r="V5" s="147" t="s">
        <v>95</v>
      </c>
      <c r="W5" s="147" t="s">
        <v>94</v>
      </c>
      <c r="X5" s="147" t="s">
        <v>95</v>
      </c>
      <c r="Y5" s="147" t="s">
        <v>94</v>
      </c>
      <c r="Z5" s="147" t="s">
        <v>95</v>
      </c>
      <c r="AA5" s="147" t="s">
        <v>94</v>
      </c>
      <c r="AB5" s="147" t="s">
        <v>95</v>
      </c>
      <c r="AC5" s="147" t="s">
        <v>94</v>
      </c>
      <c r="AD5" s="147" t="s">
        <v>95</v>
      </c>
      <c r="AE5" s="147" t="s">
        <v>94</v>
      </c>
      <c r="AF5" s="147" t="s">
        <v>95</v>
      </c>
      <c r="AG5" s="146" t="s">
        <v>94</v>
      </c>
    </row>
    <row r="6" spans="1:33" ht="18.75" customHeight="1" x14ac:dyDescent="0.15">
      <c r="A6" s="144" t="s">
        <v>93</v>
      </c>
      <c r="B6" s="143" t="s">
        <v>140</v>
      </c>
      <c r="C6" s="141">
        <v>697111</v>
      </c>
      <c r="D6" s="141">
        <v>11953</v>
      </c>
      <c r="E6" s="142">
        <v>1.71</v>
      </c>
      <c r="F6" s="141">
        <v>13517</v>
      </c>
      <c r="G6" s="142">
        <v>1.94</v>
      </c>
      <c r="H6" s="141">
        <v>14678</v>
      </c>
      <c r="I6" s="142">
        <v>2.11</v>
      </c>
      <c r="J6" s="141">
        <v>18435</v>
      </c>
      <c r="K6" s="142">
        <v>2.64</v>
      </c>
      <c r="L6" s="141">
        <v>27440</v>
      </c>
      <c r="M6" s="142">
        <v>3.94</v>
      </c>
      <c r="N6" s="141">
        <v>27383</v>
      </c>
      <c r="O6" s="142">
        <v>3.93</v>
      </c>
      <c r="P6" s="141">
        <v>28855</v>
      </c>
      <c r="Q6" s="142">
        <v>4.1399999999999997</v>
      </c>
      <c r="R6" s="141">
        <v>32387</v>
      </c>
      <c r="S6" s="142">
        <v>4.6500000000000004</v>
      </c>
      <c r="T6" s="141">
        <v>37117</v>
      </c>
      <c r="U6" s="142">
        <v>5.32</v>
      </c>
      <c r="V6" s="141">
        <v>45800</v>
      </c>
      <c r="W6" s="142">
        <v>6.57</v>
      </c>
      <c r="X6" s="141">
        <v>44473</v>
      </c>
      <c r="Y6" s="142">
        <v>6.38</v>
      </c>
      <c r="Z6" s="141">
        <v>42518</v>
      </c>
      <c r="AA6" s="142">
        <v>6.1</v>
      </c>
      <c r="AB6" s="141">
        <v>59840</v>
      </c>
      <c r="AC6" s="142">
        <v>8.58</v>
      </c>
      <c r="AD6" s="141">
        <v>124642</v>
      </c>
      <c r="AE6" s="142">
        <v>17.88</v>
      </c>
      <c r="AF6" s="141">
        <v>168073</v>
      </c>
      <c r="AG6" s="140">
        <v>24.11</v>
      </c>
    </row>
    <row r="7" spans="1:33" ht="18.75" customHeight="1" x14ac:dyDescent="0.15">
      <c r="A7" s="139" t="s">
        <v>92</v>
      </c>
      <c r="B7" s="132" t="s">
        <v>139</v>
      </c>
      <c r="C7" s="130">
        <v>263104</v>
      </c>
      <c r="D7" s="130">
        <v>5070</v>
      </c>
      <c r="E7" s="131">
        <v>1.93</v>
      </c>
      <c r="F7" s="130">
        <v>5227</v>
      </c>
      <c r="G7" s="131">
        <v>1.99</v>
      </c>
      <c r="H7" s="130">
        <v>5931</v>
      </c>
      <c r="I7" s="131">
        <v>2.25</v>
      </c>
      <c r="J7" s="130">
        <v>7461</v>
      </c>
      <c r="K7" s="131">
        <v>2.84</v>
      </c>
      <c r="L7" s="130">
        <v>12601</v>
      </c>
      <c r="M7" s="131">
        <v>4.79</v>
      </c>
      <c r="N7" s="130">
        <v>13021</v>
      </c>
      <c r="O7" s="131">
        <v>4.95</v>
      </c>
      <c r="P7" s="130">
        <v>13291</v>
      </c>
      <c r="Q7" s="131">
        <v>5.05</v>
      </c>
      <c r="R7" s="130">
        <v>14053</v>
      </c>
      <c r="S7" s="131">
        <v>5.34</v>
      </c>
      <c r="T7" s="130">
        <v>15357</v>
      </c>
      <c r="U7" s="131">
        <v>5.84</v>
      </c>
      <c r="V7" s="130">
        <v>18278</v>
      </c>
      <c r="W7" s="131">
        <v>6.95</v>
      </c>
      <c r="X7" s="130">
        <v>17626</v>
      </c>
      <c r="Y7" s="131">
        <v>6.7</v>
      </c>
      <c r="Z7" s="130">
        <v>16784</v>
      </c>
      <c r="AA7" s="131">
        <v>6.38</v>
      </c>
      <c r="AB7" s="130">
        <v>22004</v>
      </c>
      <c r="AC7" s="131">
        <v>8.36</v>
      </c>
      <c r="AD7" s="130">
        <v>42566</v>
      </c>
      <c r="AE7" s="131">
        <v>16.18</v>
      </c>
      <c r="AF7" s="130">
        <v>53834</v>
      </c>
      <c r="AG7" s="129">
        <v>20.46</v>
      </c>
    </row>
    <row r="8" spans="1:33" ht="18.75" customHeight="1" x14ac:dyDescent="0.15">
      <c r="A8" s="139" t="s">
        <v>91</v>
      </c>
      <c r="B8" s="132" t="s">
        <v>138</v>
      </c>
      <c r="C8" s="130">
        <v>92004</v>
      </c>
      <c r="D8" s="130">
        <v>1667</v>
      </c>
      <c r="E8" s="131">
        <v>1.81</v>
      </c>
      <c r="F8" s="130">
        <v>2068</v>
      </c>
      <c r="G8" s="131">
        <v>2.25</v>
      </c>
      <c r="H8" s="130">
        <v>2266</v>
      </c>
      <c r="I8" s="131">
        <v>2.46</v>
      </c>
      <c r="J8" s="130">
        <v>2496</v>
      </c>
      <c r="K8" s="131">
        <v>2.71</v>
      </c>
      <c r="L8" s="130">
        <v>2835</v>
      </c>
      <c r="M8" s="131">
        <v>3.08</v>
      </c>
      <c r="N8" s="130">
        <v>2667</v>
      </c>
      <c r="O8" s="131">
        <v>2.9</v>
      </c>
      <c r="P8" s="130">
        <v>3105</v>
      </c>
      <c r="Q8" s="131">
        <v>3.37</v>
      </c>
      <c r="R8" s="130">
        <v>3686</v>
      </c>
      <c r="S8" s="131">
        <v>4.01</v>
      </c>
      <c r="T8" s="130">
        <v>4499</v>
      </c>
      <c r="U8" s="131">
        <v>4.8899999999999997</v>
      </c>
      <c r="V8" s="130">
        <v>5615</v>
      </c>
      <c r="W8" s="131">
        <v>6.1</v>
      </c>
      <c r="X8" s="130">
        <v>5092</v>
      </c>
      <c r="Y8" s="131">
        <v>5.53</v>
      </c>
      <c r="Z8" s="130">
        <v>4919</v>
      </c>
      <c r="AA8" s="131">
        <v>5.35</v>
      </c>
      <c r="AB8" s="130">
        <v>7982</v>
      </c>
      <c r="AC8" s="131">
        <v>8.68</v>
      </c>
      <c r="AD8" s="130">
        <v>18056</v>
      </c>
      <c r="AE8" s="131">
        <v>19.63</v>
      </c>
      <c r="AF8" s="130">
        <v>25051</v>
      </c>
      <c r="AG8" s="129">
        <v>27.23</v>
      </c>
    </row>
    <row r="9" spans="1:33" ht="18.75" customHeight="1" x14ac:dyDescent="0.15">
      <c r="A9" s="139" t="s">
        <v>90</v>
      </c>
      <c r="B9" s="132" t="s">
        <v>137</v>
      </c>
      <c r="C9" s="130">
        <v>57529</v>
      </c>
      <c r="D9" s="130">
        <v>985</v>
      </c>
      <c r="E9" s="131">
        <v>1.71</v>
      </c>
      <c r="F9" s="130">
        <v>1246</v>
      </c>
      <c r="G9" s="131">
        <v>2.17</v>
      </c>
      <c r="H9" s="130">
        <v>1354</v>
      </c>
      <c r="I9" s="131">
        <v>2.35</v>
      </c>
      <c r="J9" s="130">
        <v>1629</v>
      </c>
      <c r="K9" s="131">
        <v>2.83</v>
      </c>
      <c r="L9" s="130">
        <v>1951</v>
      </c>
      <c r="M9" s="131">
        <v>3.39</v>
      </c>
      <c r="N9" s="130">
        <v>1694</v>
      </c>
      <c r="O9" s="131">
        <v>2.94</v>
      </c>
      <c r="P9" s="130">
        <v>1941</v>
      </c>
      <c r="Q9" s="131">
        <v>3.37</v>
      </c>
      <c r="R9" s="130">
        <v>2459</v>
      </c>
      <c r="S9" s="131">
        <v>4.2699999999999996</v>
      </c>
      <c r="T9" s="130">
        <v>2981</v>
      </c>
      <c r="U9" s="131">
        <v>5.18</v>
      </c>
      <c r="V9" s="130">
        <v>3600</v>
      </c>
      <c r="W9" s="131">
        <v>6.26</v>
      </c>
      <c r="X9" s="130">
        <v>3373</v>
      </c>
      <c r="Y9" s="131">
        <v>5.86</v>
      </c>
      <c r="Z9" s="130">
        <v>3215</v>
      </c>
      <c r="AA9" s="131">
        <v>5.59</v>
      </c>
      <c r="AB9" s="130">
        <v>5070</v>
      </c>
      <c r="AC9" s="131">
        <v>8.81</v>
      </c>
      <c r="AD9" s="130">
        <v>11602</v>
      </c>
      <c r="AE9" s="131">
        <v>20.170000000000002</v>
      </c>
      <c r="AF9" s="130">
        <v>14429</v>
      </c>
      <c r="AG9" s="129">
        <v>25.08</v>
      </c>
    </row>
    <row r="10" spans="1:33" ht="18.75" customHeight="1" x14ac:dyDescent="0.15">
      <c r="A10" s="139" t="s">
        <v>89</v>
      </c>
      <c r="B10" s="132" t="s">
        <v>88</v>
      </c>
      <c r="C10" s="130">
        <v>37026</v>
      </c>
      <c r="D10" s="130">
        <v>584</v>
      </c>
      <c r="E10" s="131">
        <v>1.58</v>
      </c>
      <c r="F10" s="130">
        <v>735</v>
      </c>
      <c r="G10" s="131">
        <v>1.99</v>
      </c>
      <c r="H10" s="130">
        <v>754</v>
      </c>
      <c r="I10" s="131">
        <v>2.04</v>
      </c>
      <c r="J10" s="130">
        <v>883</v>
      </c>
      <c r="K10" s="131">
        <v>2.38</v>
      </c>
      <c r="L10" s="130">
        <v>875</v>
      </c>
      <c r="M10" s="131">
        <v>2.36</v>
      </c>
      <c r="N10" s="130">
        <v>849</v>
      </c>
      <c r="O10" s="131">
        <v>2.29</v>
      </c>
      <c r="P10" s="130">
        <v>1136</v>
      </c>
      <c r="Q10" s="131">
        <v>3.07</v>
      </c>
      <c r="R10" s="130">
        <v>1579</v>
      </c>
      <c r="S10" s="131">
        <v>4.26</v>
      </c>
      <c r="T10" s="130">
        <v>2071</v>
      </c>
      <c r="U10" s="131">
        <v>5.59</v>
      </c>
      <c r="V10" s="130">
        <v>2695</v>
      </c>
      <c r="W10" s="131">
        <v>7.28</v>
      </c>
      <c r="X10" s="130">
        <v>2683</v>
      </c>
      <c r="Y10" s="131">
        <v>7.25</v>
      </c>
      <c r="Z10" s="130">
        <v>2592</v>
      </c>
      <c r="AA10" s="131">
        <v>7</v>
      </c>
      <c r="AB10" s="130">
        <v>3320</v>
      </c>
      <c r="AC10" s="131">
        <v>8.9700000000000006</v>
      </c>
      <c r="AD10" s="130">
        <v>6618</v>
      </c>
      <c r="AE10" s="131">
        <v>17.87</v>
      </c>
      <c r="AF10" s="130">
        <v>9652</v>
      </c>
      <c r="AG10" s="129">
        <v>26.07</v>
      </c>
    </row>
    <row r="11" spans="1:33" ht="18.75" customHeight="1" x14ac:dyDescent="0.15">
      <c r="A11" s="139" t="s">
        <v>87</v>
      </c>
      <c r="B11" s="132" t="s">
        <v>136</v>
      </c>
      <c r="C11" s="130">
        <v>85560</v>
      </c>
      <c r="D11" s="130">
        <v>1644</v>
      </c>
      <c r="E11" s="131">
        <v>1.92</v>
      </c>
      <c r="F11" s="130">
        <v>1877</v>
      </c>
      <c r="G11" s="131">
        <v>2.19</v>
      </c>
      <c r="H11" s="130">
        <v>2213</v>
      </c>
      <c r="I11" s="131">
        <v>2.59</v>
      </c>
      <c r="J11" s="130">
        <v>2498</v>
      </c>
      <c r="K11" s="131">
        <v>2.92</v>
      </c>
      <c r="L11" s="130">
        <v>2865</v>
      </c>
      <c r="M11" s="131">
        <v>3.35</v>
      </c>
      <c r="N11" s="130">
        <v>2731</v>
      </c>
      <c r="O11" s="131">
        <v>3.19</v>
      </c>
      <c r="P11" s="130">
        <v>3158</v>
      </c>
      <c r="Q11" s="131">
        <v>3.69</v>
      </c>
      <c r="R11" s="130">
        <v>3997</v>
      </c>
      <c r="S11" s="131">
        <v>4.67</v>
      </c>
      <c r="T11" s="130">
        <v>4952</v>
      </c>
      <c r="U11" s="131">
        <v>5.79</v>
      </c>
      <c r="V11" s="130">
        <v>5945</v>
      </c>
      <c r="W11" s="131">
        <v>6.95</v>
      </c>
      <c r="X11" s="130">
        <v>5561</v>
      </c>
      <c r="Y11" s="131">
        <v>6.5</v>
      </c>
      <c r="Z11" s="130">
        <v>5023</v>
      </c>
      <c r="AA11" s="131">
        <v>5.87</v>
      </c>
      <c r="AB11" s="130">
        <v>7224</v>
      </c>
      <c r="AC11" s="131">
        <v>8.44</v>
      </c>
      <c r="AD11" s="130">
        <v>15332</v>
      </c>
      <c r="AE11" s="131">
        <v>17.920000000000002</v>
      </c>
      <c r="AF11" s="130">
        <v>20540</v>
      </c>
      <c r="AG11" s="129">
        <v>24.01</v>
      </c>
    </row>
    <row r="12" spans="1:33" ht="18.75" customHeight="1" x14ac:dyDescent="0.15">
      <c r="A12" s="139" t="s">
        <v>86</v>
      </c>
      <c r="B12" s="132" t="s">
        <v>135</v>
      </c>
      <c r="C12" s="130">
        <v>41377</v>
      </c>
      <c r="D12" s="130">
        <v>601</v>
      </c>
      <c r="E12" s="131">
        <v>1.45</v>
      </c>
      <c r="F12" s="130">
        <v>797</v>
      </c>
      <c r="G12" s="131">
        <v>1.93</v>
      </c>
      <c r="H12" s="130">
        <v>969</v>
      </c>
      <c r="I12" s="131">
        <v>2.34</v>
      </c>
      <c r="J12" s="130">
        <v>1109</v>
      </c>
      <c r="K12" s="131">
        <v>2.68</v>
      </c>
      <c r="L12" s="130">
        <v>1172</v>
      </c>
      <c r="M12" s="131">
        <v>2.83</v>
      </c>
      <c r="N12" s="130">
        <v>1126</v>
      </c>
      <c r="O12" s="131">
        <v>2.72</v>
      </c>
      <c r="P12" s="130">
        <v>1317</v>
      </c>
      <c r="Q12" s="131">
        <v>3.18</v>
      </c>
      <c r="R12" s="130">
        <v>1636</v>
      </c>
      <c r="S12" s="131">
        <v>3.95</v>
      </c>
      <c r="T12" s="130">
        <v>1986</v>
      </c>
      <c r="U12" s="131">
        <v>4.8</v>
      </c>
      <c r="V12" s="130">
        <v>2528</v>
      </c>
      <c r="W12" s="131">
        <v>6.11</v>
      </c>
      <c r="X12" s="130">
        <v>2375</v>
      </c>
      <c r="Y12" s="131">
        <v>5.74</v>
      </c>
      <c r="Z12" s="130">
        <v>2397</v>
      </c>
      <c r="AA12" s="131">
        <v>5.79</v>
      </c>
      <c r="AB12" s="130">
        <v>4161</v>
      </c>
      <c r="AC12" s="131">
        <v>10.06</v>
      </c>
      <c r="AD12" s="130">
        <v>8574</v>
      </c>
      <c r="AE12" s="131">
        <v>20.72</v>
      </c>
      <c r="AF12" s="130">
        <v>10629</v>
      </c>
      <c r="AG12" s="129">
        <v>25.69</v>
      </c>
    </row>
    <row r="13" spans="1:33" ht="18.75" customHeight="1" x14ac:dyDescent="0.15">
      <c r="A13" s="139" t="s">
        <v>85</v>
      </c>
      <c r="B13" s="132" t="s">
        <v>134</v>
      </c>
      <c r="C13" s="130">
        <v>50458</v>
      </c>
      <c r="D13" s="130">
        <v>920</v>
      </c>
      <c r="E13" s="131">
        <v>1.82</v>
      </c>
      <c r="F13" s="130">
        <v>1145</v>
      </c>
      <c r="G13" s="131">
        <v>2.27</v>
      </c>
      <c r="H13" s="130">
        <v>1286</v>
      </c>
      <c r="I13" s="131">
        <v>2.5499999999999998</v>
      </c>
      <c r="J13" s="130">
        <v>1370</v>
      </c>
      <c r="K13" s="131">
        <v>2.72</v>
      </c>
      <c r="L13" s="130">
        <v>1457</v>
      </c>
      <c r="M13" s="131">
        <v>2.89</v>
      </c>
      <c r="N13" s="130">
        <v>1451</v>
      </c>
      <c r="O13" s="131">
        <v>2.88</v>
      </c>
      <c r="P13" s="130">
        <v>1737</v>
      </c>
      <c r="Q13" s="131">
        <v>3.44</v>
      </c>
      <c r="R13" s="130">
        <v>2207</v>
      </c>
      <c r="S13" s="131">
        <v>4.37</v>
      </c>
      <c r="T13" s="130">
        <v>2844</v>
      </c>
      <c r="U13" s="131">
        <v>5.64</v>
      </c>
      <c r="V13" s="130">
        <v>3384</v>
      </c>
      <c r="W13" s="131">
        <v>6.71</v>
      </c>
      <c r="X13" s="130">
        <v>3109</v>
      </c>
      <c r="Y13" s="131">
        <v>6.16</v>
      </c>
      <c r="Z13" s="130">
        <v>3023</v>
      </c>
      <c r="AA13" s="131">
        <v>5.99</v>
      </c>
      <c r="AB13" s="130">
        <v>4261</v>
      </c>
      <c r="AC13" s="131">
        <v>8.44</v>
      </c>
      <c r="AD13" s="130">
        <v>9474</v>
      </c>
      <c r="AE13" s="131">
        <v>18.78</v>
      </c>
      <c r="AF13" s="130">
        <v>12790</v>
      </c>
      <c r="AG13" s="129">
        <v>25.35</v>
      </c>
    </row>
    <row r="14" spans="1:33" ht="18.75" customHeight="1" x14ac:dyDescent="0.15">
      <c r="A14" s="139" t="s">
        <v>84</v>
      </c>
      <c r="B14" s="132" t="s">
        <v>133</v>
      </c>
      <c r="C14" s="130">
        <v>12993</v>
      </c>
      <c r="D14" s="130">
        <v>253</v>
      </c>
      <c r="E14" s="131">
        <v>1.95</v>
      </c>
      <c r="F14" s="130">
        <v>305</v>
      </c>
      <c r="G14" s="131">
        <v>2.35</v>
      </c>
      <c r="H14" s="130">
        <v>314</v>
      </c>
      <c r="I14" s="131">
        <v>2.42</v>
      </c>
      <c r="J14" s="130">
        <v>342</v>
      </c>
      <c r="K14" s="131">
        <v>2.63</v>
      </c>
      <c r="L14" s="130">
        <v>326</v>
      </c>
      <c r="M14" s="131">
        <v>2.5099999999999998</v>
      </c>
      <c r="N14" s="130">
        <v>282</v>
      </c>
      <c r="O14" s="131">
        <v>2.17</v>
      </c>
      <c r="P14" s="130">
        <v>417</v>
      </c>
      <c r="Q14" s="131">
        <v>3.21</v>
      </c>
      <c r="R14" s="130">
        <v>553</v>
      </c>
      <c r="S14" s="131">
        <v>4.26</v>
      </c>
      <c r="T14" s="130">
        <v>725</v>
      </c>
      <c r="U14" s="131">
        <v>5.58</v>
      </c>
      <c r="V14" s="130">
        <v>907</v>
      </c>
      <c r="W14" s="131">
        <v>6.98</v>
      </c>
      <c r="X14" s="130">
        <v>834</v>
      </c>
      <c r="Y14" s="131">
        <v>6.42</v>
      </c>
      <c r="Z14" s="130">
        <v>857</v>
      </c>
      <c r="AA14" s="131">
        <v>6.6</v>
      </c>
      <c r="AB14" s="130">
        <v>1162</v>
      </c>
      <c r="AC14" s="131">
        <v>8.94</v>
      </c>
      <c r="AD14" s="130">
        <v>2280</v>
      </c>
      <c r="AE14" s="131">
        <v>17.55</v>
      </c>
      <c r="AF14" s="130">
        <v>3436</v>
      </c>
      <c r="AG14" s="129">
        <v>26.45</v>
      </c>
    </row>
    <row r="15" spans="1:33" ht="18.75" customHeight="1" x14ac:dyDescent="0.15">
      <c r="A15" s="133">
        <v>10</v>
      </c>
      <c r="B15" s="132" t="s">
        <v>132</v>
      </c>
      <c r="C15" s="130">
        <v>156930</v>
      </c>
      <c r="D15" s="130">
        <v>2673</v>
      </c>
      <c r="E15" s="131">
        <v>1.7</v>
      </c>
      <c r="F15" s="130">
        <v>3289</v>
      </c>
      <c r="G15" s="131">
        <v>2.1</v>
      </c>
      <c r="H15" s="130">
        <v>3638</v>
      </c>
      <c r="I15" s="131">
        <v>2.3199999999999998</v>
      </c>
      <c r="J15" s="130">
        <v>4468</v>
      </c>
      <c r="K15" s="131">
        <v>2.85</v>
      </c>
      <c r="L15" s="130">
        <v>6513</v>
      </c>
      <c r="M15" s="131">
        <v>4.1500000000000004</v>
      </c>
      <c r="N15" s="130">
        <v>6102</v>
      </c>
      <c r="O15" s="131">
        <v>3.89</v>
      </c>
      <c r="P15" s="130">
        <v>6098</v>
      </c>
      <c r="Q15" s="131">
        <v>3.89</v>
      </c>
      <c r="R15" s="130">
        <v>6960</v>
      </c>
      <c r="S15" s="131">
        <v>4.4400000000000004</v>
      </c>
      <c r="T15" s="130">
        <v>8192</v>
      </c>
      <c r="U15" s="131">
        <v>5.22</v>
      </c>
      <c r="V15" s="130">
        <v>10659</v>
      </c>
      <c r="W15" s="131">
        <v>6.79</v>
      </c>
      <c r="X15" s="130">
        <v>9732</v>
      </c>
      <c r="Y15" s="131">
        <v>6.2</v>
      </c>
      <c r="Z15" s="130">
        <v>8896</v>
      </c>
      <c r="AA15" s="131">
        <v>5.67</v>
      </c>
      <c r="AB15" s="130">
        <v>13102</v>
      </c>
      <c r="AC15" s="131">
        <v>8.35</v>
      </c>
      <c r="AD15" s="130">
        <v>29090</v>
      </c>
      <c r="AE15" s="131">
        <v>18.54</v>
      </c>
      <c r="AF15" s="130">
        <v>37518</v>
      </c>
      <c r="AG15" s="129">
        <v>23.91</v>
      </c>
    </row>
    <row r="16" spans="1:33" ht="18.75" customHeight="1" x14ac:dyDescent="0.15">
      <c r="A16" s="133">
        <v>11</v>
      </c>
      <c r="B16" s="132" t="s">
        <v>131</v>
      </c>
      <c r="C16" s="130">
        <v>13065</v>
      </c>
      <c r="D16" s="130">
        <v>232</v>
      </c>
      <c r="E16" s="131">
        <v>1.78</v>
      </c>
      <c r="F16" s="130">
        <v>295</v>
      </c>
      <c r="G16" s="131">
        <v>2.2599999999999998</v>
      </c>
      <c r="H16" s="130">
        <v>339</v>
      </c>
      <c r="I16" s="131">
        <v>2.59</v>
      </c>
      <c r="J16" s="130">
        <v>418</v>
      </c>
      <c r="K16" s="131">
        <v>3.2</v>
      </c>
      <c r="L16" s="130">
        <v>350</v>
      </c>
      <c r="M16" s="131">
        <v>2.68</v>
      </c>
      <c r="N16" s="130">
        <v>329</v>
      </c>
      <c r="O16" s="131">
        <v>2.52</v>
      </c>
      <c r="P16" s="130">
        <v>453</v>
      </c>
      <c r="Q16" s="131">
        <v>3.47</v>
      </c>
      <c r="R16" s="130">
        <v>503</v>
      </c>
      <c r="S16" s="131">
        <v>3.85</v>
      </c>
      <c r="T16" s="130">
        <v>609</v>
      </c>
      <c r="U16" s="131">
        <v>4.66</v>
      </c>
      <c r="V16" s="130">
        <v>849</v>
      </c>
      <c r="W16" s="131">
        <v>6.5</v>
      </c>
      <c r="X16" s="130">
        <v>817</v>
      </c>
      <c r="Y16" s="131">
        <v>6.25</v>
      </c>
      <c r="Z16" s="130">
        <v>845</v>
      </c>
      <c r="AA16" s="131">
        <v>6.47</v>
      </c>
      <c r="AB16" s="130">
        <v>1252</v>
      </c>
      <c r="AC16" s="131">
        <v>9.58</v>
      </c>
      <c r="AD16" s="130">
        <v>2631</v>
      </c>
      <c r="AE16" s="131">
        <v>20.14</v>
      </c>
      <c r="AF16" s="130">
        <v>3143</v>
      </c>
      <c r="AG16" s="129">
        <v>24.06</v>
      </c>
    </row>
    <row r="17" spans="1:33" ht="18.75" customHeight="1" x14ac:dyDescent="0.15">
      <c r="A17" s="133">
        <v>12</v>
      </c>
      <c r="B17" s="132" t="s">
        <v>130</v>
      </c>
      <c r="C17" s="130">
        <v>38517</v>
      </c>
      <c r="D17" s="130">
        <v>595</v>
      </c>
      <c r="E17" s="131">
        <v>1.54</v>
      </c>
      <c r="F17" s="130">
        <v>729</v>
      </c>
      <c r="G17" s="131">
        <v>1.89</v>
      </c>
      <c r="H17" s="130">
        <v>791</v>
      </c>
      <c r="I17" s="131">
        <v>2.0499999999999998</v>
      </c>
      <c r="J17" s="130">
        <v>953</v>
      </c>
      <c r="K17" s="131">
        <v>2.4700000000000002</v>
      </c>
      <c r="L17" s="130">
        <v>1387</v>
      </c>
      <c r="M17" s="131">
        <v>3.6</v>
      </c>
      <c r="N17" s="130">
        <v>1202</v>
      </c>
      <c r="O17" s="131">
        <v>3.12</v>
      </c>
      <c r="P17" s="130">
        <v>1284</v>
      </c>
      <c r="Q17" s="131">
        <v>3.33</v>
      </c>
      <c r="R17" s="130">
        <v>1552</v>
      </c>
      <c r="S17" s="131">
        <v>4.03</v>
      </c>
      <c r="T17" s="130">
        <v>1779</v>
      </c>
      <c r="U17" s="131">
        <v>4.62</v>
      </c>
      <c r="V17" s="130">
        <v>2065</v>
      </c>
      <c r="W17" s="131">
        <v>5.36</v>
      </c>
      <c r="X17" s="130">
        <v>1854</v>
      </c>
      <c r="Y17" s="131">
        <v>4.8099999999999996</v>
      </c>
      <c r="Z17" s="130">
        <v>1869</v>
      </c>
      <c r="AA17" s="131">
        <v>4.8499999999999996</v>
      </c>
      <c r="AB17" s="130">
        <v>3603</v>
      </c>
      <c r="AC17" s="131">
        <v>9.35</v>
      </c>
      <c r="AD17" s="130">
        <v>8334</v>
      </c>
      <c r="AE17" s="131">
        <v>21.64</v>
      </c>
      <c r="AF17" s="130">
        <v>10520</v>
      </c>
      <c r="AG17" s="129">
        <v>27.31</v>
      </c>
    </row>
    <row r="18" spans="1:33" ht="18.75" customHeight="1" x14ac:dyDescent="0.15">
      <c r="A18" s="133">
        <v>13</v>
      </c>
      <c r="B18" s="132" t="s">
        <v>129</v>
      </c>
      <c r="C18" s="130">
        <v>50052</v>
      </c>
      <c r="D18" s="130">
        <v>1095</v>
      </c>
      <c r="E18" s="131">
        <v>2.19</v>
      </c>
      <c r="F18" s="130">
        <v>1197</v>
      </c>
      <c r="G18" s="131">
        <v>2.39</v>
      </c>
      <c r="H18" s="130">
        <v>1316</v>
      </c>
      <c r="I18" s="131">
        <v>2.63</v>
      </c>
      <c r="J18" s="130">
        <v>1426</v>
      </c>
      <c r="K18" s="131">
        <v>2.85</v>
      </c>
      <c r="L18" s="130">
        <v>1813</v>
      </c>
      <c r="M18" s="131">
        <v>3.62</v>
      </c>
      <c r="N18" s="130">
        <v>1774</v>
      </c>
      <c r="O18" s="131">
        <v>3.54</v>
      </c>
      <c r="P18" s="130">
        <v>1860</v>
      </c>
      <c r="Q18" s="131">
        <v>3.72</v>
      </c>
      <c r="R18" s="130">
        <v>2207</v>
      </c>
      <c r="S18" s="131">
        <v>4.41</v>
      </c>
      <c r="T18" s="130">
        <v>2628</v>
      </c>
      <c r="U18" s="131">
        <v>5.25</v>
      </c>
      <c r="V18" s="130">
        <v>3210</v>
      </c>
      <c r="W18" s="131">
        <v>6.41</v>
      </c>
      <c r="X18" s="130">
        <v>2804</v>
      </c>
      <c r="Y18" s="131">
        <v>5.6</v>
      </c>
      <c r="Z18" s="130">
        <v>2611</v>
      </c>
      <c r="AA18" s="131">
        <v>5.22</v>
      </c>
      <c r="AB18" s="130">
        <v>4194</v>
      </c>
      <c r="AC18" s="131">
        <v>8.3800000000000008</v>
      </c>
      <c r="AD18" s="130">
        <v>9620</v>
      </c>
      <c r="AE18" s="131">
        <v>19.22</v>
      </c>
      <c r="AF18" s="130">
        <v>12297</v>
      </c>
      <c r="AG18" s="129">
        <v>24.57</v>
      </c>
    </row>
    <row r="19" spans="1:33" ht="18.75" customHeight="1" x14ac:dyDescent="0.15">
      <c r="A19" s="133">
        <v>14</v>
      </c>
      <c r="B19" s="132" t="s">
        <v>128</v>
      </c>
      <c r="C19" s="130">
        <v>50390</v>
      </c>
      <c r="D19" s="130">
        <v>1052</v>
      </c>
      <c r="E19" s="131">
        <v>2.09</v>
      </c>
      <c r="F19" s="130">
        <v>1206</v>
      </c>
      <c r="G19" s="131">
        <v>2.39</v>
      </c>
      <c r="H19" s="130">
        <v>1246</v>
      </c>
      <c r="I19" s="131">
        <v>2.4700000000000002</v>
      </c>
      <c r="J19" s="130">
        <v>1473</v>
      </c>
      <c r="K19" s="131">
        <v>2.92</v>
      </c>
      <c r="L19" s="130">
        <v>1974</v>
      </c>
      <c r="M19" s="131">
        <v>3.92</v>
      </c>
      <c r="N19" s="130">
        <v>2054</v>
      </c>
      <c r="O19" s="131">
        <v>4.08</v>
      </c>
      <c r="P19" s="130">
        <v>2112</v>
      </c>
      <c r="Q19" s="131">
        <v>4.1900000000000004</v>
      </c>
      <c r="R19" s="130">
        <v>2430</v>
      </c>
      <c r="S19" s="131">
        <v>4.82</v>
      </c>
      <c r="T19" s="130">
        <v>2788</v>
      </c>
      <c r="U19" s="131">
        <v>5.53</v>
      </c>
      <c r="V19" s="130">
        <v>3563</v>
      </c>
      <c r="W19" s="131">
        <v>7.07</v>
      </c>
      <c r="X19" s="130">
        <v>3302</v>
      </c>
      <c r="Y19" s="131">
        <v>6.55</v>
      </c>
      <c r="Z19" s="130">
        <v>3006</v>
      </c>
      <c r="AA19" s="131">
        <v>5.97</v>
      </c>
      <c r="AB19" s="130">
        <v>4221</v>
      </c>
      <c r="AC19" s="131">
        <v>8.3800000000000008</v>
      </c>
      <c r="AD19" s="130">
        <v>8474</v>
      </c>
      <c r="AE19" s="131">
        <v>16.82</v>
      </c>
      <c r="AF19" s="130">
        <v>11489</v>
      </c>
      <c r="AG19" s="129">
        <v>22.8</v>
      </c>
    </row>
    <row r="20" spans="1:33" ht="18.75" customHeight="1" x14ac:dyDescent="0.15">
      <c r="A20" s="133">
        <v>15</v>
      </c>
      <c r="B20" s="132" t="s">
        <v>127</v>
      </c>
      <c r="C20" s="130">
        <v>20787</v>
      </c>
      <c r="D20" s="130">
        <v>316</v>
      </c>
      <c r="E20" s="131">
        <v>1.52</v>
      </c>
      <c r="F20" s="130">
        <v>367</v>
      </c>
      <c r="G20" s="131">
        <v>1.77</v>
      </c>
      <c r="H20" s="130">
        <v>472</v>
      </c>
      <c r="I20" s="131">
        <v>2.27</v>
      </c>
      <c r="J20" s="130">
        <v>547</v>
      </c>
      <c r="K20" s="131">
        <v>2.63</v>
      </c>
      <c r="L20" s="130">
        <v>666</v>
      </c>
      <c r="M20" s="131">
        <v>3.2</v>
      </c>
      <c r="N20" s="130">
        <v>678</v>
      </c>
      <c r="O20" s="131">
        <v>3.26</v>
      </c>
      <c r="P20" s="130">
        <v>736</v>
      </c>
      <c r="Q20" s="131">
        <v>3.54</v>
      </c>
      <c r="R20" s="130">
        <v>878</v>
      </c>
      <c r="S20" s="131">
        <v>4.22</v>
      </c>
      <c r="T20" s="130">
        <v>1042</v>
      </c>
      <c r="U20" s="131">
        <v>5.01</v>
      </c>
      <c r="V20" s="130">
        <v>1270</v>
      </c>
      <c r="W20" s="131">
        <v>6.11</v>
      </c>
      <c r="X20" s="130">
        <v>1192</v>
      </c>
      <c r="Y20" s="131">
        <v>5.73</v>
      </c>
      <c r="Z20" s="130">
        <v>1122</v>
      </c>
      <c r="AA20" s="131">
        <v>5.4</v>
      </c>
      <c r="AB20" s="130">
        <v>1849</v>
      </c>
      <c r="AC20" s="131">
        <v>8.89</v>
      </c>
      <c r="AD20" s="130">
        <v>4217</v>
      </c>
      <c r="AE20" s="131">
        <v>20.29</v>
      </c>
      <c r="AF20" s="130">
        <v>5435</v>
      </c>
      <c r="AG20" s="129">
        <v>26.15</v>
      </c>
    </row>
    <row r="21" spans="1:33" ht="18.75" customHeight="1" x14ac:dyDescent="0.15">
      <c r="A21" s="133">
        <v>16</v>
      </c>
      <c r="B21" s="132" t="s">
        <v>83</v>
      </c>
      <c r="C21" s="130">
        <v>27662</v>
      </c>
      <c r="D21" s="130">
        <v>465</v>
      </c>
      <c r="E21" s="131">
        <v>1.68</v>
      </c>
      <c r="F21" s="130">
        <v>538</v>
      </c>
      <c r="G21" s="131">
        <v>1.94</v>
      </c>
      <c r="H21" s="130">
        <v>595</v>
      </c>
      <c r="I21" s="131">
        <v>2.15</v>
      </c>
      <c r="J21" s="130">
        <v>732</v>
      </c>
      <c r="K21" s="131">
        <v>2.65</v>
      </c>
      <c r="L21" s="130">
        <v>919</v>
      </c>
      <c r="M21" s="131">
        <v>3.32</v>
      </c>
      <c r="N21" s="130">
        <v>975</v>
      </c>
      <c r="O21" s="131">
        <v>3.52</v>
      </c>
      <c r="P21" s="130">
        <v>1056</v>
      </c>
      <c r="Q21" s="131">
        <v>3.82</v>
      </c>
      <c r="R21" s="130">
        <v>1284</v>
      </c>
      <c r="S21" s="131">
        <v>4.6399999999999997</v>
      </c>
      <c r="T21" s="130">
        <v>1428</v>
      </c>
      <c r="U21" s="131">
        <v>5.16</v>
      </c>
      <c r="V21" s="130">
        <v>1812</v>
      </c>
      <c r="W21" s="131">
        <v>6.55</v>
      </c>
      <c r="X21" s="130">
        <v>1631</v>
      </c>
      <c r="Y21" s="131">
        <v>5.9</v>
      </c>
      <c r="Z21" s="130">
        <v>1434</v>
      </c>
      <c r="AA21" s="131">
        <v>5.18</v>
      </c>
      <c r="AB21" s="130">
        <v>2305</v>
      </c>
      <c r="AC21" s="131">
        <v>8.33</v>
      </c>
      <c r="AD21" s="130">
        <v>5439</v>
      </c>
      <c r="AE21" s="131">
        <v>19.66</v>
      </c>
      <c r="AF21" s="130">
        <v>7049</v>
      </c>
      <c r="AG21" s="129">
        <v>25.48</v>
      </c>
    </row>
    <row r="22" spans="1:33" ht="18.75" customHeight="1" x14ac:dyDescent="0.15">
      <c r="A22" s="133">
        <v>17</v>
      </c>
      <c r="B22" s="132" t="s">
        <v>126</v>
      </c>
      <c r="C22" s="130">
        <v>28790</v>
      </c>
      <c r="D22" s="130">
        <v>531</v>
      </c>
      <c r="E22" s="131">
        <v>1.84</v>
      </c>
      <c r="F22" s="130">
        <v>620</v>
      </c>
      <c r="G22" s="131">
        <v>2.15</v>
      </c>
      <c r="H22" s="130">
        <v>660</v>
      </c>
      <c r="I22" s="131">
        <v>2.29</v>
      </c>
      <c r="J22" s="130">
        <v>782</v>
      </c>
      <c r="K22" s="131">
        <v>2.72</v>
      </c>
      <c r="L22" s="130">
        <v>1119</v>
      </c>
      <c r="M22" s="131">
        <v>3.89</v>
      </c>
      <c r="N22" s="130">
        <v>1112</v>
      </c>
      <c r="O22" s="131">
        <v>3.86</v>
      </c>
      <c r="P22" s="130">
        <v>1174</v>
      </c>
      <c r="Q22" s="131">
        <v>4.08</v>
      </c>
      <c r="R22" s="130">
        <v>1324</v>
      </c>
      <c r="S22" s="131">
        <v>4.5999999999999996</v>
      </c>
      <c r="T22" s="130">
        <v>1541</v>
      </c>
      <c r="U22" s="131">
        <v>5.35</v>
      </c>
      <c r="V22" s="130">
        <v>1959</v>
      </c>
      <c r="W22" s="131">
        <v>6.8</v>
      </c>
      <c r="X22" s="130">
        <v>1849</v>
      </c>
      <c r="Y22" s="131">
        <v>6.42</v>
      </c>
      <c r="Z22" s="130">
        <v>1629</v>
      </c>
      <c r="AA22" s="131">
        <v>5.66</v>
      </c>
      <c r="AB22" s="130">
        <v>2436</v>
      </c>
      <c r="AC22" s="131">
        <v>8.4600000000000009</v>
      </c>
      <c r="AD22" s="130">
        <v>5257</v>
      </c>
      <c r="AE22" s="131">
        <v>18.260000000000002</v>
      </c>
      <c r="AF22" s="130">
        <v>6797</v>
      </c>
      <c r="AG22" s="129">
        <v>23.61</v>
      </c>
    </row>
    <row r="23" spans="1:33" ht="18.75" customHeight="1" x14ac:dyDescent="0.15">
      <c r="A23" s="133">
        <v>18</v>
      </c>
      <c r="B23" s="132" t="s">
        <v>125</v>
      </c>
      <c r="C23" s="130">
        <v>8872</v>
      </c>
      <c r="D23" s="130">
        <v>119</v>
      </c>
      <c r="E23" s="131">
        <v>1.34</v>
      </c>
      <c r="F23" s="130">
        <v>155</v>
      </c>
      <c r="G23" s="131">
        <v>1.75</v>
      </c>
      <c r="H23" s="130">
        <v>186</v>
      </c>
      <c r="I23" s="131">
        <v>2.1</v>
      </c>
      <c r="J23" s="130">
        <v>227</v>
      </c>
      <c r="K23" s="131">
        <v>2.56</v>
      </c>
      <c r="L23" s="130">
        <v>261</v>
      </c>
      <c r="M23" s="131">
        <v>2.94</v>
      </c>
      <c r="N23" s="130">
        <v>230</v>
      </c>
      <c r="O23" s="131">
        <v>2.59</v>
      </c>
      <c r="P23" s="130">
        <v>257</v>
      </c>
      <c r="Q23" s="131">
        <v>2.9</v>
      </c>
      <c r="R23" s="130">
        <v>316</v>
      </c>
      <c r="S23" s="131">
        <v>3.56</v>
      </c>
      <c r="T23" s="130">
        <v>379</v>
      </c>
      <c r="U23" s="131">
        <v>4.2699999999999996</v>
      </c>
      <c r="V23" s="130">
        <v>497</v>
      </c>
      <c r="W23" s="131">
        <v>5.6</v>
      </c>
      <c r="X23" s="130">
        <v>504</v>
      </c>
      <c r="Y23" s="131">
        <v>5.68</v>
      </c>
      <c r="Z23" s="130">
        <v>497</v>
      </c>
      <c r="AA23" s="131">
        <v>5.6</v>
      </c>
      <c r="AB23" s="130">
        <v>910</v>
      </c>
      <c r="AC23" s="131">
        <v>10.26</v>
      </c>
      <c r="AD23" s="130">
        <v>1956</v>
      </c>
      <c r="AE23" s="131">
        <v>22.05</v>
      </c>
      <c r="AF23" s="130">
        <v>2378</v>
      </c>
      <c r="AG23" s="129">
        <v>26.8</v>
      </c>
    </row>
    <row r="24" spans="1:33" ht="18.75" customHeight="1" x14ac:dyDescent="0.15">
      <c r="A24" s="133">
        <v>19</v>
      </c>
      <c r="B24" s="132" t="s">
        <v>124</v>
      </c>
      <c r="C24" s="130">
        <v>8000</v>
      </c>
      <c r="D24" s="130">
        <v>162</v>
      </c>
      <c r="E24" s="131">
        <v>2.0299999999999998</v>
      </c>
      <c r="F24" s="130">
        <v>229</v>
      </c>
      <c r="G24" s="131">
        <v>2.86</v>
      </c>
      <c r="H24" s="130">
        <v>267</v>
      </c>
      <c r="I24" s="131">
        <v>3.34</v>
      </c>
      <c r="J24" s="130">
        <v>260</v>
      </c>
      <c r="K24" s="131">
        <v>3.25</v>
      </c>
      <c r="L24" s="130">
        <v>224</v>
      </c>
      <c r="M24" s="131">
        <v>2.8</v>
      </c>
      <c r="N24" s="130">
        <v>156</v>
      </c>
      <c r="O24" s="131">
        <v>1.95</v>
      </c>
      <c r="P24" s="130">
        <v>192</v>
      </c>
      <c r="Q24" s="131">
        <v>2.4</v>
      </c>
      <c r="R24" s="130">
        <v>369</v>
      </c>
      <c r="S24" s="131">
        <v>4.6100000000000003</v>
      </c>
      <c r="T24" s="130">
        <v>485</v>
      </c>
      <c r="U24" s="131">
        <v>6.06</v>
      </c>
      <c r="V24" s="130">
        <v>630</v>
      </c>
      <c r="W24" s="131">
        <v>7.88</v>
      </c>
      <c r="X24" s="130">
        <v>576</v>
      </c>
      <c r="Y24" s="131">
        <v>7.2</v>
      </c>
      <c r="Z24" s="130">
        <v>505</v>
      </c>
      <c r="AA24" s="131">
        <v>6.31</v>
      </c>
      <c r="AB24" s="130">
        <v>636</v>
      </c>
      <c r="AC24" s="131">
        <v>7.95</v>
      </c>
      <c r="AD24" s="130">
        <v>1309</v>
      </c>
      <c r="AE24" s="131">
        <v>16.36</v>
      </c>
      <c r="AF24" s="130">
        <v>2000</v>
      </c>
      <c r="AG24" s="129">
        <v>25</v>
      </c>
    </row>
    <row r="25" spans="1:33" ht="18.75" customHeight="1" x14ac:dyDescent="0.15">
      <c r="A25" s="133">
        <v>20</v>
      </c>
      <c r="B25" s="132" t="s">
        <v>123</v>
      </c>
      <c r="C25" s="130">
        <v>10776</v>
      </c>
      <c r="D25" s="130">
        <v>226</v>
      </c>
      <c r="E25" s="131">
        <v>2.1</v>
      </c>
      <c r="F25" s="130">
        <v>273</v>
      </c>
      <c r="G25" s="131">
        <v>2.5299999999999998</v>
      </c>
      <c r="H25" s="130">
        <v>277</v>
      </c>
      <c r="I25" s="131">
        <v>2.57</v>
      </c>
      <c r="J25" s="130">
        <v>312</v>
      </c>
      <c r="K25" s="131">
        <v>2.9</v>
      </c>
      <c r="L25" s="130">
        <v>313</v>
      </c>
      <c r="M25" s="131">
        <v>2.9</v>
      </c>
      <c r="N25" s="130">
        <v>351</v>
      </c>
      <c r="O25" s="131">
        <v>3.26</v>
      </c>
      <c r="P25" s="130">
        <v>333</v>
      </c>
      <c r="Q25" s="131">
        <v>3.09</v>
      </c>
      <c r="R25" s="130">
        <v>473</v>
      </c>
      <c r="S25" s="131">
        <v>4.3899999999999997</v>
      </c>
      <c r="T25" s="130">
        <v>605</v>
      </c>
      <c r="U25" s="131">
        <v>5.61</v>
      </c>
      <c r="V25" s="130">
        <v>686</v>
      </c>
      <c r="W25" s="131">
        <v>6.37</v>
      </c>
      <c r="X25" s="130">
        <v>490</v>
      </c>
      <c r="Y25" s="131">
        <v>4.55</v>
      </c>
      <c r="Z25" s="130">
        <v>577</v>
      </c>
      <c r="AA25" s="131">
        <v>5.35</v>
      </c>
      <c r="AB25" s="130">
        <v>858</v>
      </c>
      <c r="AC25" s="131">
        <v>7.96</v>
      </c>
      <c r="AD25" s="130">
        <v>2208</v>
      </c>
      <c r="AE25" s="131">
        <v>20.49</v>
      </c>
      <c r="AF25" s="130">
        <v>2794</v>
      </c>
      <c r="AG25" s="129">
        <v>25.93</v>
      </c>
    </row>
    <row r="26" spans="1:33" ht="18.75" customHeight="1" x14ac:dyDescent="0.15">
      <c r="A26" s="133">
        <v>21</v>
      </c>
      <c r="B26" s="132" t="s">
        <v>122</v>
      </c>
      <c r="C26" s="130">
        <v>19815</v>
      </c>
      <c r="D26" s="130">
        <v>521</v>
      </c>
      <c r="E26" s="131">
        <v>2.63</v>
      </c>
      <c r="F26" s="130">
        <v>573</v>
      </c>
      <c r="G26" s="131">
        <v>2.89</v>
      </c>
      <c r="H26" s="130">
        <v>594</v>
      </c>
      <c r="I26" s="131">
        <v>3</v>
      </c>
      <c r="J26" s="130">
        <v>584</v>
      </c>
      <c r="K26" s="131">
        <v>2.95</v>
      </c>
      <c r="L26" s="130">
        <v>691</v>
      </c>
      <c r="M26" s="131">
        <v>3.49</v>
      </c>
      <c r="N26" s="130">
        <v>742</v>
      </c>
      <c r="O26" s="131">
        <v>3.74</v>
      </c>
      <c r="P26" s="130">
        <v>757</v>
      </c>
      <c r="Q26" s="131">
        <v>3.82</v>
      </c>
      <c r="R26" s="130">
        <v>868</v>
      </c>
      <c r="S26" s="131">
        <v>4.38</v>
      </c>
      <c r="T26" s="130">
        <v>1042</v>
      </c>
      <c r="U26" s="131">
        <v>5.26</v>
      </c>
      <c r="V26" s="130">
        <v>1338</v>
      </c>
      <c r="W26" s="131">
        <v>6.75</v>
      </c>
      <c r="X26" s="130">
        <v>1144</v>
      </c>
      <c r="Y26" s="131">
        <v>5.77</v>
      </c>
      <c r="Z26" s="130">
        <v>920</v>
      </c>
      <c r="AA26" s="131">
        <v>4.6399999999999997</v>
      </c>
      <c r="AB26" s="130">
        <v>1486</v>
      </c>
      <c r="AC26" s="131">
        <v>7.5</v>
      </c>
      <c r="AD26" s="130">
        <v>3577</v>
      </c>
      <c r="AE26" s="131">
        <v>18.05</v>
      </c>
      <c r="AF26" s="130">
        <v>4978</v>
      </c>
      <c r="AG26" s="129">
        <v>25.12</v>
      </c>
    </row>
    <row r="27" spans="1:33" ht="18.75" customHeight="1" x14ac:dyDescent="0.15">
      <c r="A27" s="133">
        <v>22</v>
      </c>
      <c r="B27" s="132" t="s">
        <v>121</v>
      </c>
      <c r="C27" s="130">
        <v>7849</v>
      </c>
      <c r="D27" s="130">
        <v>113</v>
      </c>
      <c r="E27" s="131">
        <v>1.44</v>
      </c>
      <c r="F27" s="130">
        <v>132</v>
      </c>
      <c r="G27" s="131">
        <v>1.68</v>
      </c>
      <c r="H27" s="130">
        <v>126</v>
      </c>
      <c r="I27" s="131">
        <v>1.61</v>
      </c>
      <c r="J27" s="130">
        <v>179</v>
      </c>
      <c r="K27" s="131">
        <v>2.2799999999999998</v>
      </c>
      <c r="L27" s="130">
        <v>176</v>
      </c>
      <c r="M27" s="131">
        <v>2.2400000000000002</v>
      </c>
      <c r="N27" s="130">
        <v>165</v>
      </c>
      <c r="O27" s="131">
        <v>2.1</v>
      </c>
      <c r="P27" s="130">
        <v>234</v>
      </c>
      <c r="Q27" s="131">
        <v>2.98</v>
      </c>
      <c r="R27" s="130">
        <v>311</v>
      </c>
      <c r="S27" s="131">
        <v>3.96</v>
      </c>
      <c r="T27" s="130">
        <v>350</v>
      </c>
      <c r="U27" s="131">
        <v>4.46</v>
      </c>
      <c r="V27" s="130">
        <v>466</v>
      </c>
      <c r="W27" s="131">
        <v>5.94</v>
      </c>
      <c r="X27" s="130">
        <v>421</v>
      </c>
      <c r="Y27" s="131">
        <v>5.36</v>
      </c>
      <c r="Z27" s="130">
        <v>445</v>
      </c>
      <c r="AA27" s="131">
        <v>5.67</v>
      </c>
      <c r="AB27" s="130">
        <v>775</v>
      </c>
      <c r="AC27" s="131">
        <v>9.8699999999999992</v>
      </c>
      <c r="AD27" s="130">
        <v>1649</v>
      </c>
      <c r="AE27" s="131">
        <v>21.01</v>
      </c>
      <c r="AF27" s="130">
        <v>2307</v>
      </c>
      <c r="AG27" s="129">
        <v>29.39</v>
      </c>
    </row>
    <row r="28" spans="1:33" ht="18.75" customHeight="1" x14ac:dyDescent="0.15">
      <c r="A28" s="133">
        <v>23</v>
      </c>
      <c r="B28" s="132" t="s">
        <v>120</v>
      </c>
      <c r="C28" s="130">
        <v>6603</v>
      </c>
      <c r="D28" s="130">
        <v>102</v>
      </c>
      <c r="E28" s="131">
        <v>1.54</v>
      </c>
      <c r="F28" s="130">
        <v>113</v>
      </c>
      <c r="G28" s="131">
        <v>1.71</v>
      </c>
      <c r="H28" s="130">
        <v>129</v>
      </c>
      <c r="I28" s="131">
        <v>1.95</v>
      </c>
      <c r="J28" s="130">
        <v>159</v>
      </c>
      <c r="K28" s="131">
        <v>2.41</v>
      </c>
      <c r="L28" s="130">
        <v>152</v>
      </c>
      <c r="M28" s="131">
        <v>2.2999999999999998</v>
      </c>
      <c r="N28" s="130">
        <v>148</v>
      </c>
      <c r="O28" s="131">
        <v>2.2400000000000002</v>
      </c>
      <c r="P28" s="130">
        <v>185</v>
      </c>
      <c r="Q28" s="131">
        <v>2.8</v>
      </c>
      <c r="R28" s="130">
        <v>261</v>
      </c>
      <c r="S28" s="131">
        <v>3.95</v>
      </c>
      <c r="T28" s="130">
        <v>337</v>
      </c>
      <c r="U28" s="131">
        <v>5.0999999999999996</v>
      </c>
      <c r="V28" s="130">
        <v>378</v>
      </c>
      <c r="W28" s="131">
        <v>5.72</v>
      </c>
      <c r="X28" s="130">
        <v>335</v>
      </c>
      <c r="Y28" s="131">
        <v>5.07</v>
      </c>
      <c r="Z28" s="130">
        <v>337</v>
      </c>
      <c r="AA28" s="131">
        <v>5.0999999999999996</v>
      </c>
      <c r="AB28" s="130">
        <v>671</v>
      </c>
      <c r="AC28" s="131">
        <v>10.16</v>
      </c>
      <c r="AD28" s="130">
        <v>1371</v>
      </c>
      <c r="AE28" s="131">
        <v>20.76</v>
      </c>
      <c r="AF28" s="130">
        <v>1925</v>
      </c>
      <c r="AG28" s="129">
        <v>29.15</v>
      </c>
    </row>
    <row r="29" spans="1:33" ht="18.75" customHeight="1" x14ac:dyDescent="0.15">
      <c r="A29" s="133">
        <v>24</v>
      </c>
      <c r="B29" s="132" t="s">
        <v>119</v>
      </c>
      <c r="C29" s="130">
        <v>2475</v>
      </c>
      <c r="D29" s="130">
        <v>34</v>
      </c>
      <c r="E29" s="131">
        <v>1.37</v>
      </c>
      <c r="F29" s="130">
        <v>44</v>
      </c>
      <c r="G29" s="131">
        <v>1.78</v>
      </c>
      <c r="H29" s="130">
        <v>51</v>
      </c>
      <c r="I29" s="131">
        <v>2.06</v>
      </c>
      <c r="J29" s="130">
        <v>53</v>
      </c>
      <c r="K29" s="131">
        <v>2.14</v>
      </c>
      <c r="L29" s="130">
        <v>70</v>
      </c>
      <c r="M29" s="131">
        <v>2.83</v>
      </c>
      <c r="N29" s="130">
        <v>53</v>
      </c>
      <c r="O29" s="131">
        <v>2.14</v>
      </c>
      <c r="P29" s="130">
        <v>70</v>
      </c>
      <c r="Q29" s="131">
        <v>2.83</v>
      </c>
      <c r="R29" s="130">
        <v>88</v>
      </c>
      <c r="S29" s="131">
        <v>3.56</v>
      </c>
      <c r="T29" s="130">
        <v>109</v>
      </c>
      <c r="U29" s="131">
        <v>4.4000000000000004</v>
      </c>
      <c r="V29" s="130">
        <v>136</v>
      </c>
      <c r="W29" s="131">
        <v>5.49</v>
      </c>
      <c r="X29" s="130">
        <v>101</v>
      </c>
      <c r="Y29" s="131">
        <v>4.08</v>
      </c>
      <c r="Z29" s="130">
        <v>120</v>
      </c>
      <c r="AA29" s="131">
        <v>4.8499999999999996</v>
      </c>
      <c r="AB29" s="130">
        <v>230</v>
      </c>
      <c r="AC29" s="131">
        <v>9.2899999999999991</v>
      </c>
      <c r="AD29" s="130">
        <v>572</v>
      </c>
      <c r="AE29" s="131">
        <v>23.11</v>
      </c>
      <c r="AF29" s="130">
        <v>744</v>
      </c>
      <c r="AG29" s="129">
        <v>30.06</v>
      </c>
    </row>
    <row r="30" spans="1:33" ht="18.75" customHeight="1" x14ac:dyDescent="0.15">
      <c r="A30" s="133">
        <v>25</v>
      </c>
      <c r="B30" s="132" t="s">
        <v>118</v>
      </c>
      <c r="C30" s="130">
        <v>3776</v>
      </c>
      <c r="D30" s="130">
        <v>63</v>
      </c>
      <c r="E30" s="131">
        <v>1.67</v>
      </c>
      <c r="F30" s="130">
        <v>101</v>
      </c>
      <c r="G30" s="131">
        <v>2.67</v>
      </c>
      <c r="H30" s="130">
        <v>96</v>
      </c>
      <c r="I30" s="131">
        <v>2.54</v>
      </c>
      <c r="J30" s="130">
        <v>115</v>
      </c>
      <c r="K30" s="131">
        <v>3.05</v>
      </c>
      <c r="L30" s="130">
        <v>112</v>
      </c>
      <c r="M30" s="131">
        <v>2.97</v>
      </c>
      <c r="N30" s="130">
        <v>82</v>
      </c>
      <c r="O30" s="131">
        <v>2.17</v>
      </c>
      <c r="P30" s="130">
        <v>111</v>
      </c>
      <c r="Q30" s="131">
        <v>2.94</v>
      </c>
      <c r="R30" s="130">
        <v>179</v>
      </c>
      <c r="S30" s="131">
        <v>4.74</v>
      </c>
      <c r="T30" s="130">
        <v>188</v>
      </c>
      <c r="U30" s="131">
        <v>4.9800000000000004</v>
      </c>
      <c r="V30" s="130">
        <v>233</v>
      </c>
      <c r="W30" s="131">
        <v>6.17</v>
      </c>
      <c r="X30" s="130">
        <v>206</v>
      </c>
      <c r="Y30" s="131">
        <v>5.46</v>
      </c>
      <c r="Z30" s="130">
        <v>186</v>
      </c>
      <c r="AA30" s="131">
        <v>4.93</v>
      </c>
      <c r="AB30" s="130">
        <v>303</v>
      </c>
      <c r="AC30" s="131">
        <v>8.02</v>
      </c>
      <c r="AD30" s="130">
        <v>799</v>
      </c>
      <c r="AE30" s="131">
        <v>21.16</v>
      </c>
      <c r="AF30" s="130">
        <v>1002</v>
      </c>
      <c r="AG30" s="129">
        <v>26.54</v>
      </c>
    </row>
    <row r="31" spans="1:33" ht="18.75" customHeight="1" x14ac:dyDescent="0.15">
      <c r="A31" s="133">
        <v>26</v>
      </c>
      <c r="B31" s="132" t="s">
        <v>117</v>
      </c>
      <c r="C31" s="130">
        <v>2498</v>
      </c>
      <c r="D31" s="130">
        <v>23</v>
      </c>
      <c r="E31" s="131">
        <v>0.92</v>
      </c>
      <c r="F31" s="130">
        <v>28</v>
      </c>
      <c r="G31" s="131">
        <v>1.1200000000000001</v>
      </c>
      <c r="H31" s="130">
        <v>39</v>
      </c>
      <c r="I31" s="131">
        <v>1.56</v>
      </c>
      <c r="J31" s="130">
        <v>57</v>
      </c>
      <c r="K31" s="131">
        <v>2.2799999999999998</v>
      </c>
      <c r="L31" s="130">
        <v>66</v>
      </c>
      <c r="M31" s="131">
        <v>2.64</v>
      </c>
      <c r="N31" s="130">
        <v>61</v>
      </c>
      <c r="O31" s="131">
        <v>2.44</v>
      </c>
      <c r="P31" s="130">
        <v>74</v>
      </c>
      <c r="Q31" s="131">
        <v>2.96</v>
      </c>
      <c r="R31" s="130">
        <v>80</v>
      </c>
      <c r="S31" s="131">
        <v>3.2</v>
      </c>
      <c r="T31" s="130">
        <v>97</v>
      </c>
      <c r="U31" s="131">
        <v>3.88</v>
      </c>
      <c r="V31" s="130">
        <v>147</v>
      </c>
      <c r="W31" s="131">
        <v>5.88</v>
      </c>
      <c r="X31" s="130">
        <v>138</v>
      </c>
      <c r="Y31" s="131">
        <v>5.52</v>
      </c>
      <c r="Z31" s="130">
        <v>132</v>
      </c>
      <c r="AA31" s="131">
        <v>5.28</v>
      </c>
      <c r="AB31" s="130">
        <v>282</v>
      </c>
      <c r="AC31" s="131">
        <v>11.29</v>
      </c>
      <c r="AD31" s="130">
        <v>563</v>
      </c>
      <c r="AE31" s="131">
        <v>22.54</v>
      </c>
      <c r="AF31" s="130">
        <v>711</v>
      </c>
      <c r="AG31" s="129">
        <v>28.46</v>
      </c>
    </row>
    <row r="32" spans="1:33" ht="18.75" customHeight="1" x14ac:dyDescent="0.15">
      <c r="A32" s="133">
        <v>27</v>
      </c>
      <c r="B32" s="132" t="s">
        <v>116</v>
      </c>
      <c r="C32" s="130">
        <v>2676</v>
      </c>
      <c r="D32" s="130">
        <v>25</v>
      </c>
      <c r="E32" s="131">
        <v>0.93</v>
      </c>
      <c r="F32" s="130">
        <v>36</v>
      </c>
      <c r="G32" s="131">
        <v>1.35</v>
      </c>
      <c r="H32" s="130">
        <v>28</v>
      </c>
      <c r="I32" s="131">
        <v>1.05</v>
      </c>
      <c r="J32" s="130">
        <v>54</v>
      </c>
      <c r="K32" s="131">
        <v>2.02</v>
      </c>
      <c r="L32" s="130">
        <v>41</v>
      </c>
      <c r="M32" s="131">
        <v>1.53</v>
      </c>
      <c r="N32" s="130">
        <v>49</v>
      </c>
      <c r="O32" s="131">
        <v>1.83</v>
      </c>
      <c r="P32" s="130">
        <v>69</v>
      </c>
      <c r="Q32" s="131">
        <v>2.58</v>
      </c>
      <c r="R32" s="130">
        <v>76</v>
      </c>
      <c r="S32" s="131">
        <v>2.84</v>
      </c>
      <c r="T32" s="130">
        <v>94</v>
      </c>
      <c r="U32" s="131">
        <v>3.51</v>
      </c>
      <c r="V32" s="130">
        <v>93</v>
      </c>
      <c r="W32" s="131">
        <v>3.48</v>
      </c>
      <c r="X32" s="130">
        <v>125</v>
      </c>
      <c r="Y32" s="131">
        <v>4.67</v>
      </c>
      <c r="Z32" s="130">
        <v>127</v>
      </c>
      <c r="AA32" s="131">
        <v>4.75</v>
      </c>
      <c r="AB32" s="130">
        <v>337</v>
      </c>
      <c r="AC32" s="131">
        <v>12.59</v>
      </c>
      <c r="AD32" s="130">
        <v>728</v>
      </c>
      <c r="AE32" s="131">
        <v>27.2</v>
      </c>
      <c r="AF32" s="130">
        <v>794</v>
      </c>
      <c r="AG32" s="129">
        <v>29.67</v>
      </c>
    </row>
    <row r="33" spans="1:33" ht="18.75" customHeight="1" x14ac:dyDescent="0.15">
      <c r="A33" s="133">
        <v>28</v>
      </c>
      <c r="B33" s="132" t="s">
        <v>115</v>
      </c>
      <c r="C33" s="130">
        <v>3218</v>
      </c>
      <c r="D33" s="130">
        <v>63</v>
      </c>
      <c r="E33" s="131">
        <v>1.96</v>
      </c>
      <c r="F33" s="130">
        <v>81</v>
      </c>
      <c r="G33" s="131">
        <v>2.52</v>
      </c>
      <c r="H33" s="130">
        <v>79</v>
      </c>
      <c r="I33" s="131">
        <v>2.4500000000000002</v>
      </c>
      <c r="J33" s="130">
        <v>88</v>
      </c>
      <c r="K33" s="131">
        <v>2.73</v>
      </c>
      <c r="L33" s="130">
        <v>83</v>
      </c>
      <c r="M33" s="131">
        <v>2.58</v>
      </c>
      <c r="N33" s="130">
        <v>81</v>
      </c>
      <c r="O33" s="131">
        <v>2.52</v>
      </c>
      <c r="P33" s="130">
        <v>104</v>
      </c>
      <c r="Q33" s="131">
        <v>3.23</v>
      </c>
      <c r="R33" s="130">
        <v>126</v>
      </c>
      <c r="S33" s="131">
        <v>3.92</v>
      </c>
      <c r="T33" s="130">
        <v>164</v>
      </c>
      <c r="U33" s="131">
        <v>5.0999999999999996</v>
      </c>
      <c r="V33" s="130">
        <v>174</v>
      </c>
      <c r="W33" s="131">
        <v>5.41</v>
      </c>
      <c r="X33" s="130">
        <v>184</v>
      </c>
      <c r="Y33" s="131">
        <v>5.72</v>
      </c>
      <c r="Z33" s="130">
        <v>144</v>
      </c>
      <c r="AA33" s="131">
        <v>4.47</v>
      </c>
      <c r="AB33" s="130">
        <v>317</v>
      </c>
      <c r="AC33" s="131">
        <v>9.85</v>
      </c>
      <c r="AD33" s="130">
        <v>687</v>
      </c>
      <c r="AE33" s="131">
        <v>21.35</v>
      </c>
      <c r="AF33" s="130">
        <v>843</v>
      </c>
      <c r="AG33" s="129">
        <v>26.2</v>
      </c>
    </row>
    <row r="34" spans="1:33" ht="18.75" customHeight="1" x14ac:dyDescent="0.15">
      <c r="A34" s="133">
        <v>29</v>
      </c>
      <c r="B34" s="132" t="s">
        <v>114</v>
      </c>
      <c r="C34" s="130">
        <v>2882</v>
      </c>
      <c r="D34" s="130">
        <v>28</v>
      </c>
      <c r="E34" s="131">
        <v>0.97</v>
      </c>
      <c r="F34" s="130">
        <v>43</v>
      </c>
      <c r="G34" s="131">
        <v>1.49</v>
      </c>
      <c r="H34" s="130">
        <v>54</v>
      </c>
      <c r="I34" s="131">
        <v>1.87</v>
      </c>
      <c r="J34" s="130">
        <v>66</v>
      </c>
      <c r="K34" s="131">
        <v>2.29</v>
      </c>
      <c r="L34" s="130">
        <v>102</v>
      </c>
      <c r="M34" s="131">
        <v>3.54</v>
      </c>
      <c r="N34" s="130">
        <v>113</v>
      </c>
      <c r="O34" s="131">
        <v>3.92</v>
      </c>
      <c r="P34" s="130">
        <v>107</v>
      </c>
      <c r="Q34" s="131">
        <v>3.71</v>
      </c>
      <c r="R34" s="130">
        <v>101</v>
      </c>
      <c r="S34" s="131">
        <v>3.5</v>
      </c>
      <c r="T34" s="130">
        <v>105</v>
      </c>
      <c r="U34" s="131">
        <v>3.64</v>
      </c>
      <c r="V34" s="130">
        <v>175</v>
      </c>
      <c r="W34" s="131">
        <v>6.07</v>
      </c>
      <c r="X34" s="130">
        <v>173</v>
      </c>
      <c r="Y34" s="131">
        <v>6</v>
      </c>
      <c r="Z34" s="130">
        <v>190</v>
      </c>
      <c r="AA34" s="131">
        <v>6.59</v>
      </c>
      <c r="AB34" s="130">
        <v>310</v>
      </c>
      <c r="AC34" s="131">
        <v>10.76</v>
      </c>
      <c r="AD34" s="130">
        <v>538</v>
      </c>
      <c r="AE34" s="131">
        <v>18.670000000000002</v>
      </c>
      <c r="AF34" s="130">
        <v>777</v>
      </c>
      <c r="AG34" s="129">
        <v>26.96</v>
      </c>
    </row>
    <row r="35" spans="1:33" ht="18.75" customHeight="1" x14ac:dyDescent="0.15">
      <c r="A35" s="133">
        <v>30</v>
      </c>
      <c r="B35" s="132" t="s">
        <v>113</v>
      </c>
      <c r="C35" s="130">
        <v>2213</v>
      </c>
      <c r="D35" s="130">
        <v>34</v>
      </c>
      <c r="E35" s="131">
        <v>1.54</v>
      </c>
      <c r="F35" s="130">
        <v>55</v>
      </c>
      <c r="G35" s="131">
        <v>2.4900000000000002</v>
      </c>
      <c r="H35" s="130">
        <v>35</v>
      </c>
      <c r="I35" s="131">
        <v>1.58</v>
      </c>
      <c r="J35" s="130">
        <v>32</v>
      </c>
      <c r="K35" s="131">
        <v>1.45</v>
      </c>
      <c r="L35" s="130">
        <v>50</v>
      </c>
      <c r="M35" s="131">
        <v>2.2599999999999998</v>
      </c>
      <c r="N35" s="130">
        <v>40</v>
      </c>
      <c r="O35" s="131">
        <v>1.81</v>
      </c>
      <c r="P35" s="130">
        <v>67</v>
      </c>
      <c r="Q35" s="131">
        <v>3.03</v>
      </c>
      <c r="R35" s="130">
        <v>82</v>
      </c>
      <c r="S35" s="131">
        <v>3.71</v>
      </c>
      <c r="T35" s="130">
        <v>86</v>
      </c>
      <c r="U35" s="131">
        <v>3.89</v>
      </c>
      <c r="V35" s="130">
        <v>115</v>
      </c>
      <c r="W35" s="131">
        <v>5.2</v>
      </c>
      <c r="X35" s="130">
        <v>147</v>
      </c>
      <c r="Y35" s="131">
        <v>6.64</v>
      </c>
      <c r="Z35" s="130">
        <v>141</v>
      </c>
      <c r="AA35" s="131">
        <v>6.37</v>
      </c>
      <c r="AB35" s="130">
        <v>248</v>
      </c>
      <c r="AC35" s="131">
        <v>11.21</v>
      </c>
      <c r="AD35" s="130">
        <v>480</v>
      </c>
      <c r="AE35" s="131">
        <v>21.69</v>
      </c>
      <c r="AF35" s="130">
        <v>601</v>
      </c>
      <c r="AG35" s="129">
        <v>27.16</v>
      </c>
    </row>
    <row r="36" spans="1:33" ht="18.75" customHeight="1" x14ac:dyDescent="0.15">
      <c r="A36" s="133">
        <v>31</v>
      </c>
      <c r="B36" s="132" t="s">
        <v>112</v>
      </c>
      <c r="C36" s="130">
        <v>6901</v>
      </c>
      <c r="D36" s="130">
        <v>88</v>
      </c>
      <c r="E36" s="131">
        <v>1.28</v>
      </c>
      <c r="F36" s="130">
        <v>130</v>
      </c>
      <c r="G36" s="131">
        <v>1.88</v>
      </c>
      <c r="H36" s="130">
        <v>163</v>
      </c>
      <c r="I36" s="131">
        <v>2.36</v>
      </c>
      <c r="J36" s="130">
        <v>183</v>
      </c>
      <c r="K36" s="131">
        <v>2.65</v>
      </c>
      <c r="L36" s="130">
        <v>195</v>
      </c>
      <c r="M36" s="131">
        <v>2.83</v>
      </c>
      <c r="N36" s="130">
        <v>135</v>
      </c>
      <c r="O36" s="131">
        <v>1.96</v>
      </c>
      <c r="P36" s="130">
        <v>171</v>
      </c>
      <c r="Q36" s="131">
        <v>2.48</v>
      </c>
      <c r="R36" s="130">
        <v>255</v>
      </c>
      <c r="S36" s="131">
        <v>3.7</v>
      </c>
      <c r="T36" s="130">
        <v>297</v>
      </c>
      <c r="U36" s="131">
        <v>4.3</v>
      </c>
      <c r="V36" s="130">
        <v>410</v>
      </c>
      <c r="W36" s="131">
        <v>5.94</v>
      </c>
      <c r="X36" s="130">
        <v>409</v>
      </c>
      <c r="Y36" s="131">
        <v>5.93</v>
      </c>
      <c r="Z36" s="130">
        <v>446</v>
      </c>
      <c r="AA36" s="131">
        <v>6.46</v>
      </c>
      <c r="AB36" s="130">
        <v>701</v>
      </c>
      <c r="AC36" s="131">
        <v>10.16</v>
      </c>
      <c r="AD36" s="130">
        <v>1452</v>
      </c>
      <c r="AE36" s="131">
        <v>21.04</v>
      </c>
      <c r="AF36" s="130">
        <v>1866</v>
      </c>
      <c r="AG36" s="129">
        <v>27.04</v>
      </c>
    </row>
    <row r="37" spans="1:33" ht="18.75" customHeight="1" x14ac:dyDescent="0.15">
      <c r="A37" s="133">
        <v>32</v>
      </c>
      <c r="B37" s="132" t="s">
        <v>111</v>
      </c>
      <c r="C37" s="130">
        <v>10759</v>
      </c>
      <c r="D37" s="130">
        <v>226</v>
      </c>
      <c r="E37" s="131">
        <v>2.1</v>
      </c>
      <c r="F37" s="130">
        <v>278</v>
      </c>
      <c r="G37" s="131">
        <v>2.58</v>
      </c>
      <c r="H37" s="130">
        <v>334</v>
      </c>
      <c r="I37" s="131">
        <v>3.1</v>
      </c>
      <c r="J37" s="130">
        <v>360</v>
      </c>
      <c r="K37" s="131">
        <v>3.35</v>
      </c>
      <c r="L37" s="130">
        <v>344</v>
      </c>
      <c r="M37" s="131">
        <v>3.2</v>
      </c>
      <c r="N37" s="130">
        <v>293</v>
      </c>
      <c r="O37" s="131">
        <v>2.72</v>
      </c>
      <c r="P37" s="130">
        <v>338</v>
      </c>
      <c r="Q37" s="131">
        <v>3.14</v>
      </c>
      <c r="R37" s="130">
        <v>447</v>
      </c>
      <c r="S37" s="131">
        <v>4.1500000000000004</v>
      </c>
      <c r="T37" s="130">
        <v>502</v>
      </c>
      <c r="U37" s="131">
        <v>4.67</v>
      </c>
      <c r="V37" s="130">
        <v>677</v>
      </c>
      <c r="W37" s="131">
        <v>6.29</v>
      </c>
      <c r="X37" s="130">
        <v>616</v>
      </c>
      <c r="Y37" s="131">
        <v>5.73</v>
      </c>
      <c r="Z37" s="130">
        <v>540</v>
      </c>
      <c r="AA37" s="131">
        <v>5.0199999999999996</v>
      </c>
      <c r="AB37" s="130">
        <v>991</v>
      </c>
      <c r="AC37" s="131">
        <v>9.2100000000000009</v>
      </c>
      <c r="AD37" s="130">
        <v>2214</v>
      </c>
      <c r="AE37" s="131">
        <v>20.58</v>
      </c>
      <c r="AF37" s="130">
        <v>2599</v>
      </c>
      <c r="AG37" s="129">
        <v>24.16</v>
      </c>
    </row>
    <row r="38" spans="1:33" ht="18.75" customHeight="1" thickBot="1" x14ac:dyDescent="0.2">
      <c r="A38" s="128">
        <v>33</v>
      </c>
      <c r="B38" s="127" t="s">
        <v>110</v>
      </c>
      <c r="C38" s="125">
        <v>828</v>
      </c>
      <c r="D38" s="125">
        <v>5</v>
      </c>
      <c r="E38" s="126">
        <v>0.6</v>
      </c>
      <c r="F38" s="125">
        <v>9</v>
      </c>
      <c r="G38" s="126">
        <v>1.0900000000000001</v>
      </c>
      <c r="H38" s="125">
        <v>8</v>
      </c>
      <c r="I38" s="126">
        <v>0.97</v>
      </c>
      <c r="J38" s="125">
        <v>22</v>
      </c>
      <c r="K38" s="126">
        <v>2.66</v>
      </c>
      <c r="L38" s="125">
        <v>20</v>
      </c>
      <c r="M38" s="126">
        <v>2.42</v>
      </c>
      <c r="N38" s="125">
        <v>22</v>
      </c>
      <c r="O38" s="126">
        <v>2.66</v>
      </c>
      <c r="P38" s="125">
        <v>24</v>
      </c>
      <c r="Q38" s="126">
        <v>2.9</v>
      </c>
      <c r="R38" s="125">
        <v>35</v>
      </c>
      <c r="S38" s="126">
        <v>4.2300000000000004</v>
      </c>
      <c r="T38" s="125">
        <v>34</v>
      </c>
      <c r="U38" s="126">
        <v>4.1100000000000003</v>
      </c>
      <c r="V38" s="125">
        <v>44</v>
      </c>
      <c r="W38" s="126">
        <v>5.31</v>
      </c>
      <c r="X38" s="125">
        <v>47</v>
      </c>
      <c r="Y38" s="126">
        <v>5.68</v>
      </c>
      <c r="Z38" s="125">
        <v>43</v>
      </c>
      <c r="AA38" s="126">
        <v>5.19</v>
      </c>
      <c r="AB38" s="125">
        <v>90</v>
      </c>
      <c r="AC38" s="126">
        <v>10.87</v>
      </c>
      <c r="AD38" s="125">
        <v>202</v>
      </c>
      <c r="AE38" s="126">
        <v>24.4</v>
      </c>
      <c r="AF38" s="125">
        <v>223</v>
      </c>
      <c r="AG38" s="124">
        <v>26.93</v>
      </c>
    </row>
    <row r="39" spans="1:33" ht="18.75" customHeight="1" thickTop="1" x14ac:dyDescent="0.15">
      <c r="A39" s="138">
        <v>301</v>
      </c>
      <c r="B39" s="137" t="s">
        <v>109</v>
      </c>
      <c r="C39" s="135">
        <v>12982</v>
      </c>
      <c r="D39" s="135">
        <v>247</v>
      </c>
      <c r="E39" s="136">
        <v>1.9</v>
      </c>
      <c r="F39" s="135">
        <v>410</v>
      </c>
      <c r="G39" s="136">
        <v>3.16</v>
      </c>
      <c r="H39" s="135">
        <v>601</v>
      </c>
      <c r="I39" s="136">
        <v>4.63</v>
      </c>
      <c r="J39" s="135">
        <v>777</v>
      </c>
      <c r="K39" s="136">
        <v>5.99</v>
      </c>
      <c r="L39" s="135">
        <v>786</v>
      </c>
      <c r="M39" s="136">
        <v>6.05</v>
      </c>
      <c r="N39" s="135">
        <v>492</v>
      </c>
      <c r="O39" s="136">
        <v>3.79</v>
      </c>
      <c r="P39" s="135">
        <v>499</v>
      </c>
      <c r="Q39" s="136">
        <v>3.84</v>
      </c>
      <c r="R39" s="135">
        <v>580</v>
      </c>
      <c r="S39" s="136">
        <v>4.47</v>
      </c>
      <c r="T39" s="135">
        <v>963</v>
      </c>
      <c r="U39" s="136">
        <v>7.42</v>
      </c>
      <c r="V39" s="135">
        <v>1477</v>
      </c>
      <c r="W39" s="136">
        <v>11.38</v>
      </c>
      <c r="X39" s="135">
        <v>1642</v>
      </c>
      <c r="Y39" s="136">
        <v>12.65</v>
      </c>
      <c r="Z39" s="135">
        <v>1505</v>
      </c>
      <c r="AA39" s="136">
        <v>11.59</v>
      </c>
      <c r="AB39" s="135">
        <v>1351</v>
      </c>
      <c r="AC39" s="136">
        <v>10.41</v>
      </c>
      <c r="AD39" s="135">
        <v>961</v>
      </c>
      <c r="AE39" s="136">
        <v>7.4</v>
      </c>
      <c r="AF39" s="135">
        <v>691</v>
      </c>
      <c r="AG39" s="134">
        <v>5.32</v>
      </c>
    </row>
    <row r="40" spans="1:33" ht="18.75" customHeight="1" x14ac:dyDescent="0.15">
      <c r="A40" s="133">
        <v>302</v>
      </c>
      <c r="B40" s="132" t="s">
        <v>108</v>
      </c>
      <c r="C40" s="130">
        <v>16617</v>
      </c>
      <c r="D40" s="130">
        <v>464</v>
      </c>
      <c r="E40" s="131">
        <v>2.79</v>
      </c>
      <c r="F40" s="130">
        <v>533</v>
      </c>
      <c r="G40" s="131">
        <v>3.21</v>
      </c>
      <c r="H40" s="130">
        <v>589</v>
      </c>
      <c r="I40" s="131">
        <v>3.54</v>
      </c>
      <c r="J40" s="130">
        <v>797</v>
      </c>
      <c r="K40" s="131">
        <v>4.8</v>
      </c>
      <c r="L40" s="130">
        <v>1664</v>
      </c>
      <c r="M40" s="131">
        <v>10.01</v>
      </c>
      <c r="N40" s="130">
        <v>1551</v>
      </c>
      <c r="O40" s="131">
        <v>9.33</v>
      </c>
      <c r="P40" s="130">
        <v>1520</v>
      </c>
      <c r="Q40" s="131">
        <v>9.15</v>
      </c>
      <c r="R40" s="130">
        <v>1259</v>
      </c>
      <c r="S40" s="131">
        <v>7.58</v>
      </c>
      <c r="T40" s="130">
        <v>1259</v>
      </c>
      <c r="U40" s="131">
        <v>7.58</v>
      </c>
      <c r="V40" s="130">
        <v>1432</v>
      </c>
      <c r="W40" s="131">
        <v>8.6199999999999992</v>
      </c>
      <c r="X40" s="130">
        <v>1462</v>
      </c>
      <c r="Y40" s="131">
        <v>8.8000000000000007</v>
      </c>
      <c r="Z40" s="130">
        <v>1417</v>
      </c>
      <c r="AA40" s="131">
        <v>8.5299999999999994</v>
      </c>
      <c r="AB40" s="130">
        <v>1193</v>
      </c>
      <c r="AC40" s="131">
        <v>7.18</v>
      </c>
      <c r="AD40" s="130">
        <v>888</v>
      </c>
      <c r="AE40" s="131">
        <v>5.34</v>
      </c>
      <c r="AF40" s="130">
        <v>589</v>
      </c>
      <c r="AG40" s="129">
        <v>3.54</v>
      </c>
    </row>
    <row r="41" spans="1:33" ht="18.75" customHeight="1" x14ac:dyDescent="0.15">
      <c r="A41" s="133">
        <v>303</v>
      </c>
      <c r="B41" s="132" t="s">
        <v>107</v>
      </c>
      <c r="C41" s="130">
        <v>14275</v>
      </c>
      <c r="D41" s="130">
        <v>390</v>
      </c>
      <c r="E41" s="131">
        <v>2.73</v>
      </c>
      <c r="F41" s="130">
        <v>464</v>
      </c>
      <c r="G41" s="131">
        <v>3.25</v>
      </c>
      <c r="H41" s="130">
        <v>521</v>
      </c>
      <c r="I41" s="131">
        <v>3.65</v>
      </c>
      <c r="J41" s="130">
        <v>589</v>
      </c>
      <c r="K41" s="131">
        <v>4.13</v>
      </c>
      <c r="L41" s="130">
        <v>618</v>
      </c>
      <c r="M41" s="131">
        <v>4.33</v>
      </c>
      <c r="N41" s="130">
        <v>550</v>
      </c>
      <c r="O41" s="131">
        <v>3.85</v>
      </c>
      <c r="P41" s="130">
        <v>755</v>
      </c>
      <c r="Q41" s="131">
        <v>5.29</v>
      </c>
      <c r="R41" s="130">
        <v>972</v>
      </c>
      <c r="S41" s="131">
        <v>6.81</v>
      </c>
      <c r="T41" s="130">
        <v>1328</v>
      </c>
      <c r="U41" s="131">
        <v>9.3000000000000007</v>
      </c>
      <c r="V41" s="130">
        <v>1672</v>
      </c>
      <c r="W41" s="131">
        <v>11.71</v>
      </c>
      <c r="X41" s="130">
        <v>1461</v>
      </c>
      <c r="Y41" s="131">
        <v>10.23</v>
      </c>
      <c r="Z41" s="130">
        <v>1187</v>
      </c>
      <c r="AA41" s="131">
        <v>8.32</v>
      </c>
      <c r="AB41" s="130">
        <v>1144</v>
      </c>
      <c r="AC41" s="131">
        <v>8.01</v>
      </c>
      <c r="AD41" s="130">
        <v>1249</v>
      </c>
      <c r="AE41" s="131">
        <v>8.75</v>
      </c>
      <c r="AF41" s="130">
        <v>1375</v>
      </c>
      <c r="AG41" s="129">
        <v>9.6300000000000008</v>
      </c>
    </row>
    <row r="42" spans="1:33" ht="18.75" customHeight="1" x14ac:dyDescent="0.15">
      <c r="A42" s="133">
        <v>304</v>
      </c>
      <c r="B42" s="132" t="s">
        <v>106</v>
      </c>
      <c r="C42" s="130">
        <v>3857</v>
      </c>
      <c r="D42" s="130">
        <v>114</v>
      </c>
      <c r="E42" s="131">
        <v>2.96</v>
      </c>
      <c r="F42" s="130">
        <v>148</v>
      </c>
      <c r="G42" s="131">
        <v>3.84</v>
      </c>
      <c r="H42" s="130">
        <v>147</v>
      </c>
      <c r="I42" s="131">
        <v>3.81</v>
      </c>
      <c r="J42" s="130">
        <v>132</v>
      </c>
      <c r="K42" s="131">
        <v>3.42</v>
      </c>
      <c r="L42" s="130">
        <v>152</v>
      </c>
      <c r="M42" s="131">
        <v>3.94</v>
      </c>
      <c r="N42" s="130">
        <v>221</v>
      </c>
      <c r="O42" s="131">
        <v>5.73</v>
      </c>
      <c r="P42" s="130">
        <v>276</v>
      </c>
      <c r="Q42" s="131">
        <v>7.16</v>
      </c>
      <c r="R42" s="130">
        <v>317</v>
      </c>
      <c r="S42" s="131">
        <v>8.2200000000000006</v>
      </c>
      <c r="T42" s="130">
        <v>406</v>
      </c>
      <c r="U42" s="131">
        <v>10.53</v>
      </c>
      <c r="V42" s="130">
        <v>418</v>
      </c>
      <c r="W42" s="131">
        <v>10.84</v>
      </c>
      <c r="X42" s="130">
        <v>399</v>
      </c>
      <c r="Y42" s="131">
        <v>10.34</v>
      </c>
      <c r="Z42" s="130">
        <v>400</v>
      </c>
      <c r="AA42" s="131">
        <v>10.37</v>
      </c>
      <c r="AB42" s="130">
        <v>329</v>
      </c>
      <c r="AC42" s="131">
        <v>8.5299999999999994</v>
      </c>
      <c r="AD42" s="130">
        <v>218</v>
      </c>
      <c r="AE42" s="131">
        <v>5.65</v>
      </c>
      <c r="AF42" s="130">
        <v>180</v>
      </c>
      <c r="AG42" s="129">
        <v>4.67</v>
      </c>
    </row>
    <row r="43" spans="1:33" ht="18.75" customHeight="1" x14ac:dyDescent="0.15">
      <c r="A43" s="133">
        <v>305</v>
      </c>
      <c r="B43" s="132" t="s">
        <v>105</v>
      </c>
      <c r="C43" s="130">
        <v>7955</v>
      </c>
      <c r="D43" s="130">
        <v>311</v>
      </c>
      <c r="E43" s="131">
        <v>3.91</v>
      </c>
      <c r="F43" s="130">
        <v>437</v>
      </c>
      <c r="G43" s="131">
        <v>5.49</v>
      </c>
      <c r="H43" s="130">
        <v>555</v>
      </c>
      <c r="I43" s="131">
        <v>6.98</v>
      </c>
      <c r="J43" s="130">
        <v>544</v>
      </c>
      <c r="K43" s="131">
        <v>6.84</v>
      </c>
      <c r="L43" s="130">
        <v>385</v>
      </c>
      <c r="M43" s="131">
        <v>4.84</v>
      </c>
      <c r="N43" s="130">
        <v>260</v>
      </c>
      <c r="O43" s="131">
        <v>3.27</v>
      </c>
      <c r="P43" s="130">
        <v>304</v>
      </c>
      <c r="Q43" s="131">
        <v>3.82</v>
      </c>
      <c r="R43" s="130">
        <v>494</v>
      </c>
      <c r="S43" s="131">
        <v>6.21</v>
      </c>
      <c r="T43" s="130">
        <v>753</v>
      </c>
      <c r="U43" s="131">
        <v>9.4700000000000006</v>
      </c>
      <c r="V43" s="130">
        <v>1000</v>
      </c>
      <c r="W43" s="131">
        <v>12.57</v>
      </c>
      <c r="X43" s="130">
        <v>791</v>
      </c>
      <c r="Y43" s="131">
        <v>9.94</v>
      </c>
      <c r="Z43" s="130">
        <v>601</v>
      </c>
      <c r="AA43" s="131">
        <v>7.55</v>
      </c>
      <c r="AB43" s="130">
        <v>490</v>
      </c>
      <c r="AC43" s="131">
        <v>6.16</v>
      </c>
      <c r="AD43" s="130">
        <v>600</v>
      </c>
      <c r="AE43" s="131">
        <v>7.54</v>
      </c>
      <c r="AF43" s="130">
        <v>430</v>
      </c>
      <c r="AG43" s="129">
        <v>5.41</v>
      </c>
    </row>
    <row r="44" spans="1:33" ht="18.75" customHeight="1" thickBot="1" x14ac:dyDescent="0.2">
      <c r="A44" s="128">
        <v>306</v>
      </c>
      <c r="B44" s="127" t="s">
        <v>104</v>
      </c>
      <c r="C44" s="125">
        <v>78455</v>
      </c>
      <c r="D44" s="125">
        <v>5039</v>
      </c>
      <c r="E44" s="126">
        <v>6.42</v>
      </c>
      <c r="F44" s="125">
        <v>5287</v>
      </c>
      <c r="G44" s="126">
        <v>6.74</v>
      </c>
      <c r="H44" s="125">
        <v>5566</v>
      </c>
      <c r="I44" s="126">
        <v>7.09</v>
      </c>
      <c r="J44" s="125">
        <v>5337</v>
      </c>
      <c r="K44" s="126">
        <v>6.8</v>
      </c>
      <c r="L44" s="125">
        <v>4471</v>
      </c>
      <c r="M44" s="126">
        <v>5.7</v>
      </c>
      <c r="N44" s="125">
        <v>4169</v>
      </c>
      <c r="O44" s="126">
        <v>5.31</v>
      </c>
      <c r="P44" s="125">
        <v>4681</v>
      </c>
      <c r="Q44" s="126">
        <v>5.97</v>
      </c>
      <c r="R44" s="125">
        <v>5793</v>
      </c>
      <c r="S44" s="126">
        <v>7.38</v>
      </c>
      <c r="T44" s="125">
        <v>6995</v>
      </c>
      <c r="U44" s="126">
        <v>8.92</v>
      </c>
      <c r="V44" s="125">
        <v>8254</v>
      </c>
      <c r="W44" s="126">
        <v>10.52</v>
      </c>
      <c r="X44" s="125">
        <v>6382</v>
      </c>
      <c r="Y44" s="126">
        <v>8.1300000000000008</v>
      </c>
      <c r="Z44" s="125">
        <v>4185</v>
      </c>
      <c r="AA44" s="126">
        <v>5.33</v>
      </c>
      <c r="AB44" s="125">
        <v>3611</v>
      </c>
      <c r="AC44" s="126">
        <v>4.5999999999999996</v>
      </c>
      <c r="AD44" s="125">
        <v>4781</v>
      </c>
      <c r="AE44" s="126">
        <v>6.09</v>
      </c>
      <c r="AF44" s="125">
        <v>3904</v>
      </c>
      <c r="AG44" s="124">
        <v>4.9800000000000004</v>
      </c>
    </row>
    <row r="45" spans="1:33" ht="18.75" customHeight="1" thickTop="1" thickBot="1" x14ac:dyDescent="0.25">
      <c r="A45" s="229" t="s">
        <v>82</v>
      </c>
      <c r="B45" s="230"/>
      <c r="C45" s="123">
        <v>1823496</v>
      </c>
      <c r="D45" s="123">
        <v>32468</v>
      </c>
      <c r="E45" s="122">
        <v>1.78</v>
      </c>
      <c r="F45" s="123">
        <v>37438</v>
      </c>
      <c r="G45" s="122">
        <v>2.0499999999999998</v>
      </c>
      <c r="H45" s="123">
        <v>41288</v>
      </c>
      <c r="I45" s="122">
        <v>2.2599999999999998</v>
      </c>
      <c r="J45" s="123">
        <v>49773</v>
      </c>
      <c r="K45" s="122">
        <v>2.73</v>
      </c>
      <c r="L45" s="123">
        <v>69163</v>
      </c>
      <c r="M45" s="122">
        <v>3.79</v>
      </c>
      <c r="N45" s="123">
        <v>68151</v>
      </c>
      <c r="O45" s="122">
        <v>3.74</v>
      </c>
      <c r="P45" s="123">
        <v>72823</v>
      </c>
      <c r="Q45" s="122">
        <v>3.99</v>
      </c>
      <c r="R45" s="123">
        <v>83762</v>
      </c>
      <c r="S45" s="122">
        <v>4.59</v>
      </c>
      <c r="T45" s="123">
        <v>97413</v>
      </c>
      <c r="U45" s="122">
        <v>5.34</v>
      </c>
      <c r="V45" s="123">
        <v>120338</v>
      </c>
      <c r="W45" s="122">
        <v>6.6</v>
      </c>
      <c r="X45" s="123">
        <v>113923</v>
      </c>
      <c r="Y45" s="122">
        <v>6.25</v>
      </c>
      <c r="Z45" s="123">
        <v>108090</v>
      </c>
      <c r="AA45" s="122">
        <v>5.93</v>
      </c>
      <c r="AB45" s="123">
        <v>157131</v>
      </c>
      <c r="AC45" s="122">
        <v>8.6199999999999992</v>
      </c>
      <c r="AD45" s="123">
        <v>332511</v>
      </c>
      <c r="AE45" s="122">
        <v>18.23</v>
      </c>
      <c r="AF45" s="123">
        <v>439224</v>
      </c>
      <c r="AG45" s="120">
        <v>24.09</v>
      </c>
    </row>
    <row r="46" spans="1:33" ht="18.75" customHeight="1" thickTop="1" thickBot="1" x14ac:dyDescent="0.25">
      <c r="A46" s="229" t="s">
        <v>103</v>
      </c>
      <c r="B46" s="230"/>
      <c r="C46" s="121">
        <v>134141</v>
      </c>
      <c r="D46" s="121">
        <v>6565</v>
      </c>
      <c r="E46" s="122">
        <v>4.8899999999999997</v>
      </c>
      <c r="F46" s="121">
        <v>7279</v>
      </c>
      <c r="G46" s="122">
        <v>5.43</v>
      </c>
      <c r="H46" s="121">
        <v>7979</v>
      </c>
      <c r="I46" s="122">
        <v>5.95</v>
      </c>
      <c r="J46" s="121">
        <v>8176</v>
      </c>
      <c r="K46" s="122">
        <v>6.1</v>
      </c>
      <c r="L46" s="121">
        <v>8076</v>
      </c>
      <c r="M46" s="122">
        <v>6.02</v>
      </c>
      <c r="N46" s="121">
        <v>7243</v>
      </c>
      <c r="O46" s="122">
        <v>5.4</v>
      </c>
      <c r="P46" s="121">
        <v>8035</v>
      </c>
      <c r="Q46" s="122">
        <v>5.99</v>
      </c>
      <c r="R46" s="121">
        <v>9415</v>
      </c>
      <c r="S46" s="122">
        <v>7.02</v>
      </c>
      <c r="T46" s="121">
        <v>11704</v>
      </c>
      <c r="U46" s="122">
        <v>8.73</v>
      </c>
      <c r="V46" s="121">
        <v>14253</v>
      </c>
      <c r="W46" s="122">
        <v>10.63</v>
      </c>
      <c r="X46" s="121">
        <v>12137</v>
      </c>
      <c r="Y46" s="122">
        <v>9.0500000000000007</v>
      </c>
      <c r="Z46" s="121">
        <v>9295</v>
      </c>
      <c r="AA46" s="122">
        <v>6.93</v>
      </c>
      <c r="AB46" s="121">
        <v>8118</v>
      </c>
      <c r="AC46" s="122">
        <v>6.05</v>
      </c>
      <c r="AD46" s="121">
        <v>8697</v>
      </c>
      <c r="AE46" s="122">
        <v>6.48</v>
      </c>
      <c r="AF46" s="121">
        <v>7169</v>
      </c>
      <c r="AG46" s="120">
        <v>5.34</v>
      </c>
    </row>
    <row r="47" spans="1:33" ht="18.75" customHeight="1" thickTop="1" thickBot="1" x14ac:dyDescent="0.25">
      <c r="A47" s="219" t="s">
        <v>102</v>
      </c>
      <c r="B47" s="220"/>
      <c r="C47" s="118">
        <v>1957637</v>
      </c>
      <c r="D47" s="118">
        <v>39033</v>
      </c>
      <c r="E47" s="119">
        <v>1.99</v>
      </c>
      <c r="F47" s="118">
        <v>44717</v>
      </c>
      <c r="G47" s="119">
        <v>2.2799999999999998</v>
      </c>
      <c r="H47" s="118">
        <v>49267</v>
      </c>
      <c r="I47" s="119">
        <v>2.52</v>
      </c>
      <c r="J47" s="118">
        <v>57949</v>
      </c>
      <c r="K47" s="119">
        <v>2.96</v>
      </c>
      <c r="L47" s="118">
        <v>77239</v>
      </c>
      <c r="M47" s="119">
        <v>3.95</v>
      </c>
      <c r="N47" s="118">
        <v>75394</v>
      </c>
      <c r="O47" s="119">
        <v>3.85</v>
      </c>
      <c r="P47" s="118">
        <v>80858</v>
      </c>
      <c r="Q47" s="119">
        <v>4.13</v>
      </c>
      <c r="R47" s="118">
        <v>93177</v>
      </c>
      <c r="S47" s="119">
        <v>4.76</v>
      </c>
      <c r="T47" s="118">
        <v>109117</v>
      </c>
      <c r="U47" s="119">
        <v>5.57</v>
      </c>
      <c r="V47" s="118">
        <v>134591</v>
      </c>
      <c r="W47" s="119">
        <v>6.88</v>
      </c>
      <c r="X47" s="118">
        <v>126060</v>
      </c>
      <c r="Y47" s="119">
        <v>6.44</v>
      </c>
      <c r="Z47" s="118">
        <v>117385</v>
      </c>
      <c r="AA47" s="119">
        <v>6</v>
      </c>
      <c r="AB47" s="118">
        <v>165249</v>
      </c>
      <c r="AC47" s="119">
        <v>8.44</v>
      </c>
      <c r="AD47" s="118">
        <v>341208</v>
      </c>
      <c r="AE47" s="119">
        <v>17.43</v>
      </c>
      <c r="AF47" s="118">
        <v>446393</v>
      </c>
      <c r="AG47" s="117">
        <v>22.8</v>
      </c>
    </row>
    <row r="48" spans="1:33" x14ac:dyDescent="0.15">
      <c r="Q48" s="116"/>
    </row>
  </sheetData>
  <mergeCells count="5">
    <mergeCell ref="A47:B47"/>
    <mergeCell ref="C3:C4"/>
    <mergeCell ref="A3:B5"/>
    <mergeCell ref="A45:B45"/>
    <mergeCell ref="A46:B46"/>
  </mergeCells>
  <phoneticPr fontId="6"/>
  <pageMargins left="0.78740157480314965" right="0.39370078740157483" top="0.78740157480314965" bottom="0.35433070866141736" header="0.19685039370078741" footer="0.19685039370078741"/>
  <pageSetup paperSize="9" scale="83" orientation="portrait" blackAndWhite="1" r:id="rId1"/>
  <headerFooter alignWithMargins="0"/>
  <colBreaks count="2" manualBreakCount="2">
    <brk id="15" max="48" man="1"/>
    <brk id="33" max="100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zoomScaleNormal="100" zoomScaleSheetLayoutView="130" workbookViewId="0"/>
  </sheetViews>
  <sheetFormatPr defaultColWidth="9" defaultRowHeight="10.8" x14ac:dyDescent="0.15"/>
  <cols>
    <col min="1" max="1" width="3.6640625" style="97" customWidth="1"/>
    <col min="2" max="2" width="8.88671875" style="97" customWidth="1"/>
    <col min="3" max="3" width="10.33203125" style="97" customWidth="1"/>
    <col min="4" max="4" width="3.6640625" style="97" customWidth="1"/>
    <col min="5" max="5" width="6" style="97" bestFit="1" customWidth="1"/>
    <col min="6" max="6" width="7.44140625" style="97" bestFit="1" customWidth="1"/>
    <col min="7" max="7" width="3.6640625" style="97" customWidth="1"/>
    <col min="8" max="8" width="6" style="97" bestFit="1" customWidth="1"/>
    <col min="9" max="9" width="7.44140625" style="203" hidden="1" customWidth="1"/>
    <col min="10" max="10" width="7.44140625" style="97" bestFit="1" customWidth="1"/>
    <col min="11" max="11" width="3.6640625" style="97" customWidth="1"/>
    <col min="12" max="12" width="6" style="97" bestFit="1" customWidth="1"/>
    <col min="13" max="13" width="7.88671875" style="175" bestFit="1" customWidth="1"/>
    <col min="14" max="14" width="3.6640625" style="97" customWidth="1"/>
    <col min="15" max="15" width="6.6640625" style="97" customWidth="1"/>
    <col min="16" max="16384" width="9" style="97"/>
  </cols>
  <sheetData>
    <row r="1" spans="1:16" s="89" customFormat="1" ht="14.1" customHeight="1" x14ac:dyDescent="0.2">
      <c r="A1" s="176" t="s">
        <v>80</v>
      </c>
      <c r="I1" s="177"/>
      <c r="M1" s="167"/>
    </row>
    <row r="2" spans="1:16" s="89" customFormat="1" ht="10.5" customHeight="1" thickBot="1" x14ac:dyDescent="0.25">
      <c r="I2" s="177"/>
      <c r="M2" s="167"/>
    </row>
    <row r="3" spans="1:16" s="179" customFormat="1" ht="15" customHeight="1" x14ac:dyDescent="0.15">
      <c r="A3" s="237" t="s">
        <v>1</v>
      </c>
      <c r="B3" s="238"/>
      <c r="C3" s="231" t="s">
        <v>79</v>
      </c>
      <c r="D3" s="231"/>
      <c r="E3" s="231"/>
      <c r="F3" s="231" t="s">
        <v>78</v>
      </c>
      <c r="G3" s="231"/>
      <c r="H3" s="231"/>
      <c r="I3" s="178"/>
      <c r="J3" s="231" t="s">
        <v>77</v>
      </c>
      <c r="K3" s="231"/>
      <c r="L3" s="231"/>
      <c r="M3" s="231" t="s">
        <v>76</v>
      </c>
      <c r="N3" s="231"/>
      <c r="O3" s="232"/>
    </row>
    <row r="4" spans="1:16" s="179" customFormat="1" ht="12.75" customHeight="1" x14ac:dyDescent="0.15">
      <c r="A4" s="239"/>
      <c r="B4" s="240"/>
      <c r="C4" s="108" t="s">
        <v>75</v>
      </c>
      <c r="D4" s="108" t="s">
        <v>8</v>
      </c>
      <c r="E4" s="160" t="s">
        <v>13</v>
      </c>
      <c r="F4" s="108" t="s">
        <v>75</v>
      </c>
      <c r="G4" s="108" t="s">
        <v>8</v>
      </c>
      <c r="H4" s="160" t="s">
        <v>81</v>
      </c>
      <c r="I4" s="180" t="s">
        <v>74</v>
      </c>
      <c r="J4" s="108" t="s">
        <v>75</v>
      </c>
      <c r="K4" s="108" t="s">
        <v>8</v>
      </c>
      <c r="L4" s="160" t="s">
        <v>81</v>
      </c>
      <c r="M4" s="168" t="s">
        <v>73</v>
      </c>
      <c r="N4" s="108" t="s">
        <v>8</v>
      </c>
      <c r="O4" s="181" t="s">
        <v>81</v>
      </c>
      <c r="P4" s="166"/>
    </row>
    <row r="5" spans="1:16" s="166" customFormat="1" ht="12.75" customHeight="1" x14ac:dyDescent="0.15">
      <c r="A5" s="239"/>
      <c r="B5" s="240"/>
      <c r="C5" s="109" t="s">
        <v>15</v>
      </c>
      <c r="D5" s="109" t="s">
        <v>16</v>
      </c>
      <c r="E5" s="109" t="s">
        <v>17</v>
      </c>
      <c r="F5" s="109" t="s">
        <v>15</v>
      </c>
      <c r="G5" s="109" t="s">
        <v>16</v>
      </c>
      <c r="H5" s="109" t="s">
        <v>17</v>
      </c>
      <c r="I5" s="182" t="s">
        <v>72</v>
      </c>
      <c r="J5" s="109" t="s">
        <v>15</v>
      </c>
      <c r="K5" s="109" t="s">
        <v>16</v>
      </c>
      <c r="L5" s="109" t="s">
        <v>17</v>
      </c>
      <c r="M5" s="169" t="s">
        <v>71</v>
      </c>
      <c r="N5" s="109" t="s">
        <v>16</v>
      </c>
      <c r="O5" s="183" t="s">
        <v>17</v>
      </c>
    </row>
    <row r="6" spans="1:16" ht="18" customHeight="1" x14ac:dyDescent="0.15">
      <c r="A6" s="184">
        <v>1</v>
      </c>
      <c r="B6" s="98" t="s">
        <v>18</v>
      </c>
      <c r="C6" s="110">
        <v>100</v>
      </c>
      <c r="D6" s="100">
        <v>1</v>
      </c>
      <c r="E6" s="110">
        <v>7.0000000000000007E-2</v>
      </c>
      <c r="F6" s="110">
        <v>0</v>
      </c>
      <c r="G6" s="100">
        <v>17</v>
      </c>
      <c r="H6" s="161">
        <v>-7.0000000000000007E-2</v>
      </c>
      <c r="I6" s="185">
        <v>41.74</v>
      </c>
      <c r="J6" s="110">
        <v>42.07</v>
      </c>
      <c r="K6" s="100">
        <v>28</v>
      </c>
      <c r="L6" s="161">
        <v>0.33</v>
      </c>
      <c r="M6" s="170">
        <v>1507</v>
      </c>
      <c r="N6" s="100">
        <v>21</v>
      </c>
      <c r="O6" s="186">
        <v>-52</v>
      </c>
    </row>
    <row r="7" spans="1:16" ht="18" customHeight="1" x14ac:dyDescent="0.15">
      <c r="A7" s="184">
        <v>2</v>
      </c>
      <c r="B7" s="98" t="s">
        <v>19</v>
      </c>
      <c r="C7" s="110">
        <v>100</v>
      </c>
      <c r="D7" s="100">
        <v>1</v>
      </c>
      <c r="E7" s="110">
        <v>0.09</v>
      </c>
      <c r="F7" s="110">
        <v>0</v>
      </c>
      <c r="G7" s="100">
        <v>17</v>
      </c>
      <c r="H7" s="161">
        <v>-0.09</v>
      </c>
      <c r="I7" s="185">
        <v>36.42</v>
      </c>
      <c r="J7" s="110">
        <v>36.770000000000003</v>
      </c>
      <c r="K7" s="100">
        <v>33</v>
      </c>
      <c r="L7" s="161">
        <v>0.35</v>
      </c>
      <c r="M7" s="170">
        <v>1748</v>
      </c>
      <c r="N7" s="100">
        <v>14</v>
      </c>
      <c r="O7" s="186">
        <v>-78</v>
      </c>
    </row>
    <row r="8" spans="1:16" ht="18" customHeight="1" x14ac:dyDescent="0.15">
      <c r="A8" s="184">
        <v>3</v>
      </c>
      <c r="B8" s="98" t="s">
        <v>20</v>
      </c>
      <c r="C8" s="110">
        <v>99.99</v>
      </c>
      <c r="D8" s="100">
        <v>18</v>
      </c>
      <c r="E8" s="110">
        <v>0.08</v>
      </c>
      <c r="F8" s="110">
        <v>0.01</v>
      </c>
      <c r="G8" s="100">
        <v>8</v>
      </c>
      <c r="H8" s="161">
        <v>-0.08</v>
      </c>
      <c r="I8" s="185">
        <v>46.6</v>
      </c>
      <c r="J8" s="110">
        <v>46.71</v>
      </c>
      <c r="K8" s="100">
        <v>13</v>
      </c>
      <c r="L8" s="161">
        <v>0.11</v>
      </c>
      <c r="M8" s="170">
        <v>1997</v>
      </c>
      <c r="N8" s="100">
        <v>8</v>
      </c>
      <c r="O8" s="186">
        <v>-184</v>
      </c>
    </row>
    <row r="9" spans="1:16" ht="18" customHeight="1" x14ac:dyDescent="0.15">
      <c r="A9" s="184">
        <v>4</v>
      </c>
      <c r="B9" s="98" t="s">
        <v>21</v>
      </c>
      <c r="C9" s="110">
        <v>100</v>
      </c>
      <c r="D9" s="100">
        <v>1</v>
      </c>
      <c r="E9" s="110">
        <v>0.08</v>
      </c>
      <c r="F9" s="110">
        <v>0</v>
      </c>
      <c r="G9" s="100">
        <v>17</v>
      </c>
      <c r="H9" s="161">
        <v>-0.08</v>
      </c>
      <c r="I9" s="185">
        <v>44.78</v>
      </c>
      <c r="J9" s="110">
        <v>45.27</v>
      </c>
      <c r="K9" s="100">
        <v>18</v>
      </c>
      <c r="L9" s="161">
        <v>0.49</v>
      </c>
      <c r="M9" s="170">
        <v>1945</v>
      </c>
      <c r="N9" s="100">
        <v>9</v>
      </c>
      <c r="O9" s="186">
        <v>-131</v>
      </c>
    </row>
    <row r="10" spans="1:16" ht="18" customHeight="1" x14ac:dyDescent="0.15">
      <c r="A10" s="184">
        <v>5</v>
      </c>
      <c r="B10" s="98" t="s">
        <v>22</v>
      </c>
      <c r="C10" s="110">
        <v>99.99</v>
      </c>
      <c r="D10" s="100">
        <v>18</v>
      </c>
      <c r="E10" s="110">
        <v>0.12</v>
      </c>
      <c r="F10" s="110">
        <v>0.01</v>
      </c>
      <c r="G10" s="100">
        <v>8</v>
      </c>
      <c r="H10" s="161">
        <v>-0.12</v>
      </c>
      <c r="I10" s="185">
        <v>43.98</v>
      </c>
      <c r="J10" s="110">
        <v>44.12</v>
      </c>
      <c r="K10" s="100">
        <v>22</v>
      </c>
      <c r="L10" s="161">
        <v>0.14000000000000001</v>
      </c>
      <c r="M10" s="170">
        <v>2286</v>
      </c>
      <c r="N10" s="100">
        <v>5</v>
      </c>
      <c r="O10" s="186">
        <v>-99</v>
      </c>
    </row>
    <row r="11" spans="1:16" ht="18" customHeight="1" x14ac:dyDescent="0.15">
      <c r="A11" s="184">
        <v>6</v>
      </c>
      <c r="B11" s="98" t="s">
        <v>23</v>
      </c>
      <c r="C11" s="110">
        <v>100</v>
      </c>
      <c r="D11" s="100">
        <v>1</v>
      </c>
      <c r="E11" s="110">
        <v>0.1</v>
      </c>
      <c r="F11" s="110">
        <v>0</v>
      </c>
      <c r="G11" s="100">
        <v>17</v>
      </c>
      <c r="H11" s="161">
        <v>-0.1</v>
      </c>
      <c r="I11" s="185">
        <v>41.49</v>
      </c>
      <c r="J11" s="110">
        <v>41.78</v>
      </c>
      <c r="K11" s="100">
        <v>30</v>
      </c>
      <c r="L11" s="161">
        <v>0.28999999999999998</v>
      </c>
      <c r="M11" s="170">
        <v>2156</v>
      </c>
      <c r="N11" s="100">
        <v>7</v>
      </c>
      <c r="O11" s="186">
        <v>-74</v>
      </c>
    </row>
    <row r="12" spans="1:16" ht="18" customHeight="1" x14ac:dyDescent="0.15">
      <c r="A12" s="184">
        <v>7</v>
      </c>
      <c r="B12" s="98" t="s">
        <v>24</v>
      </c>
      <c r="C12" s="110">
        <v>99.98</v>
      </c>
      <c r="D12" s="100">
        <v>27</v>
      </c>
      <c r="E12" s="110">
        <v>0.2</v>
      </c>
      <c r="F12" s="110">
        <v>0.02</v>
      </c>
      <c r="G12" s="100">
        <v>5</v>
      </c>
      <c r="H12" s="161">
        <v>-0.2</v>
      </c>
      <c r="I12" s="185">
        <v>45.6</v>
      </c>
      <c r="J12" s="110">
        <v>46.56</v>
      </c>
      <c r="K12" s="100">
        <v>15</v>
      </c>
      <c r="L12" s="161">
        <v>0.96</v>
      </c>
      <c r="M12" s="170">
        <v>1700</v>
      </c>
      <c r="N12" s="100">
        <v>15</v>
      </c>
      <c r="O12" s="186">
        <v>-137</v>
      </c>
    </row>
    <row r="13" spans="1:16" ht="18" customHeight="1" x14ac:dyDescent="0.15">
      <c r="A13" s="184">
        <v>8</v>
      </c>
      <c r="B13" s="98" t="s">
        <v>25</v>
      </c>
      <c r="C13" s="110">
        <v>100</v>
      </c>
      <c r="D13" s="100">
        <v>1</v>
      </c>
      <c r="E13" s="110">
        <v>0.12</v>
      </c>
      <c r="F13" s="110">
        <v>0</v>
      </c>
      <c r="G13" s="100">
        <v>17</v>
      </c>
      <c r="H13" s="161">
        <v>-0.12</v>
      </c>
      <c r="I13" s="185">
        <v>43.89</v>
      </c>
      <c r="J13" s="110">
        <v>43.99</v>
      </c>
      <c r="K13" s="100">
        <v>23</v>
      </c>
      <c r="L13" s="161">
        <v>0.1</v>
      </c>
      <c r="M13" s="170">
        <v>1836</v>
      </c>
      <c r="N13" s="100">
        <v>11</v>
      </c>
      <c r="O13" s="186">
        <v>-53</v>
      </c>
    </row>
    <row r="14" spans="1:16" ht="18" customHeight="1" x14ac:dyDescent="0.15">
      <c r="A14" s="184">
        <v>9</v>
      </c>
      <c r="B14" s="98" t="s">
        <v>26</v>
      </c>
      <c r="C14" s="110">
        <v>99.99</v>
      </c>
      <c r="D14" s="100">
        <v>18</v>
      </c>
      <c r="E14" s="110">
        <v>0.09</v>
      </c>
      <c r="F14" s="110">
        <v>0.01</v>
      </c>
      <c r="G14" s="100">
        <v>8</v>
      </c>
      <c r="H14" s="161">
        <v>-0.09</v>
      </c>
      <c r="I14" s="185">
        <v>43.7</v>
      </c>
      <c r="J14" s="110">
        <v>43.51</v>
      </c>
      <c r="K14" s="100">
        <v>25</v>
      </c>
      <c r="L14" s="161">
        <v>-0.19</v>
      </c>
      <c r="M14" s="170">
        <v>1601</v>
      </c>
      <c r="N14" s="100">
        <v>17</v>
      </c>
      <c r="O14" s="186">
        <v>-63</v>
      </c>
    </row>
    <row r="15" spans="1:16" ht="18" customHeight="1" x14ac:dyDescent="0.15">
      <c r="A15" s="184">
        <v>10</v>
      </c>
      <c r="B15" s="98" t="s">
        <v>27</v>
      </c>
      <c r="C15" s="110">
        <v>100</v>
      </c>
      <c r="D15" s="100">
        <v>1</v>
      </c>
      <c r="E15" s="110">
        <v>0.13</v>
      </c>
      <c r="F15" s="110">
        <v>0</v>
      </c>
      <c r="G15" s="100">
        <v>17</v>
      </c>
      <c r="H15" s="161">
        <v>-0.13</v>
      </c>
      <c r="I15" s="185">
        <v>42.03</v>
      </c>
      <c r="J15" s="110">
        <v>42.38</v>
      </c>
      <c r="K15" s="100">
        <v>27</v>
      </c>
      <c r="L15" s="161">
        <v>0.35</v>
      </c>
      <c r="M15" s="170">
        <v>2599</v>
      </c>
      <c r="N15" s="100">
        <v>2</v>
      </c>
      <c r="O15" s="186">
        <v>-107</v>
      </c>
    </row>
    <row r="16" spans="1:16" ht="18" customHeight="1" x14ac:dyDescent="0.15">
      <c r="A16" s="184">
        <v>11</v>
      </c>
      <c r="B16" s="98" t="s">
        <v>28</v>
      </c>
      <c r="C16" s="110">
        <v>99.98</v>
      </c>
      <c r="D16" s="100">
        <v>27</v>
      </c>
      <c r="E16" s="110">
        <v>0.16</v>
      </c>
      <c r="F16" s="110">
        <v>0.02</v>
      </c>
      <c r="G16" s="100">
        <v>5</v>
      </c>
      <c r="H16" s="161">
        <v>-0.16</v>
      </c>
      <c r="I16" s="185">
        <v>43.73</v>
      </c>
      <c r="J16" s="110">
        <v>44.59</v>
      </c>
      <c r="K16" s="100">
        <v>20</v>
      </c>
      <c r="L16" s="161">
        <v>0.86</v>
      </c>
      <c r="M16" s="170">
        <v>1411</v>
      </c>
      <c r="N16" s="100">
        <v>22</v>
      </c>
      <c r="O16" s="186">
        <v>-78</v>
      </c>
    </row>
    <row r="17" spans="1:15" ht="18" customHeight="1" x14ac:dyDescent="0.15">
      <c r="A17" s="184">
        <v>12</v>
      </c>
      <c r="B17" s="98" t="s">
        <v>29</v>
      </c>
      <c r="C17" s="110">
        <v>99.99</v>
      </c>
      <c r="D17" s="100">
        <v>18</v>
      </c>
      <c r="E17" s="110">
        <v>0.15</v>
      </c>
      <c r="F17" s="110">
        <v>0.01</v>
      </c>
      <c r="G17" s="100">
        <v>8</v>
      </c>
      <c r="H17" s="161">
        <v>-0.15</v>
      </c>
      <c r="I17" s="185">
        <v>48.59</v>
      </c>
      <c r="J17" s="110">
        <v>48.99</v>
      </c>
      <c r="K17" s="100">
        <v>8</v>
      </c>
      <c r="L17" s="161">
        <v>0.4</v>
      </c>
      <c r="M17" s="170">
        <v>3149</v>
      </c>
      <c r="N17" s="100">
        <v>1</v>
      </c>
      <c r="O17" s="186">
        <v>376</v>
      </c>
    </row>
    <row r="18" spans="1:15" ht="18" customHeight="1" x14ac:dyDescent="0.15">
      <c r="A18" s="184">
        <v>13</v>
      </c>
      <c r="B18" s="98" t="s">
        <v>30</v>
      </c>
      <c r="C18" s="110">
        <v>99.99</v>
      </c>
      <c r="D18" s="100">
        <v>18</v>
      </c>
      <c r="E18" s="110">
        <v>0.15</v>
      </c>
      <c r="F18" s="110">
        <v>0.01</v>
      </c>
      <c r="G18" s="100">
        <v>8</v>
      </c>
      <c r="H18" s="161">
        <v>-0.15</v>
      </c>
      <c r="I18" s="185">
        <v>43.17</v>
      </c>
      <c r="J18" s="110">
        <v>43.87</v>
      </c>
      <c r="K18" s="100">
        <v>24</v>
      </c>
      <c r="L18" s="161">
        <v>0.7</v>
      </c>
      <c r="M18" s="170">
        <v>2218</v>
      </c>
      <c r="N18" s="100">
        <v>6</v>
      </c>
      <c r="O18" s="186">
        <v>0</v>
      </c>
    </row>
    <row r="19" spans="1:15" ht="18" customHeight="1" x14ac:dyDescent="0.15">
      <c r="A19" s="184">
        <v>14</v>
      </c>
      <c r="B19" s="98" t="s">
        <v>31</v>
      </c>
      <c r="C19" s="110">
        <v>99.99</v>
      </c>
      <c r="D19" s="100">
        <v>18</v>
      </c>
      <c r="E19" s="110">
        <v>0.06</v>
      </c>
      <c r="F19" s="110">
        <v>0.01</v>
      </c>
      <c r="G19" s="100">
        <v>8</v>
      </c>
      <c r="H19" s="161">
        <v>-0.06</v>
      </c>
      <c r="I19" s="185">
        <v>39.42</v>
      </c>
      <c r="J19" s="110">
        <v>39.39</v>
      </c>
      <c r="K19" s="100">
        <v>32</v>
      </c>
      <c r="L19" s="161">
        <v>-0.03</v>
      </c>
      <c r="M19" s="170">
        <v>2362</v>
      </c>
      <c r="N19" s="100">
        <v>4</v>
      </c>
      <c r="O19" s="186">
        <v>322</v>
      </c>
    </row>
    <row r="20" spans="1:15" ht="18" customHeight="1" x14ac:dyDescent="0.15">
      <c r="A20" s="184">
        <v>15</v>
      </c>
      <c r="B20" s="98" t="s">
        <v>32</v>
      </c>
      <c r="C20" s="110">
        <v>100</v>
      </c>
      <c r="D20" s="100">
        <v>1</v>
      </c>
      <c r="E20" s="110">
        <v>0.25</v>
      </c>
      <c r="F20" s="110">
        <v>0</v>
      </c>
      <c r="G20" s="100">
        <v>17</v>
      </c>
      <c r="H20" s="161">
        <v>-0.25</v>
      </c>
      <c r="I20" s="185">
        <v>45.71</v>
      </c>
      <c r="J20" s="110">
        <v>46.67</v>
      </c>
      <c r="K20" s="100">
        <v>14</v>
      </c>
      <c r="L20" s="161">
        <v>0.96</v>
      </c>
      <c r="M20" s="170">
        <v>1848</v>
      </c>
      <c r="N20" s="100">
        <v>10</v>
      </c>
      <c r="O20" s="186">
        <v>83</v>
      </c>
    </row>
    <row r="21" spans="1:15" ht="18" customHeight="1" x14ac:dyDescent="0.15">
      <c r="A21" s="184">
        <v>16</v>
      </c>
      <c r="B21" s="98" t="s">
        <v>33</v>
      </c>
      <c r="C21" s="110">
        <v>100</v>
      </c>
      <c r="D21" s="100">
        <v>1</v>
      </c>
      <c r="E21" s="110">
        <v>0.08</v>
      </c>
      <c r="F21" s="110">
        <v>0</v>
      </c>
      <c r="G21" s="100">
        <v>17</v>
      </c>
      <c r="H21" s="161">
        <v>-0.08</v>
      </c>
      <c r="I21" s="185">
        <v>44.77</v>
      </c>
      <c r="J21" s="110">
        <v>45.14</v>
      </c>
      <c r="K21" s="100">
        <v>19</v>
      </c>
      <c r="L21" s="161">
        <v>0.37</v>
      </c>
      <c r="M21" s="170">
        <v>1510</v>
      </c>
      <c r="N21" s="100">
        <v>20</v>
      </c>
      <c r="O21" s="186">
        <v>-46</v>
      </c>
    </row>
    <row r="22" spans="1:15" ht="18" customHeight="1" x14ac:dyDescent="0.15">
      <c r="A22" s="184">
        <v>17</v>
      </c>
      <c r="B22" s="98" t="s">
        <v>34</v>
      </c>
      <c r="C22" s="110">
        <v>100</v>
      </c>
      <c r="D22" s="100">
        <v>1</v>
      </c>
      <c r="E22" s="110">
        <v>0.12</v>
      </c>
      <c r="F22" s="110">
        <v>0</v>
      </c>
      <c r="G22" s="100">
        <v>17</v>
      </c>
      <c r="H22" s="161">
        <v>-0.12</v>
      </c>
      <c r="I22" s="185">
        <v>41.83</v>
      </c>
      <c r="J22" s="110">
        <v>41.97</v>
      </c>
      <c r="K22" s="100">
        <v>29</v>
      </c>
      <c r="L22" s="161">
        <v>0.14000000000000001</v>
      </c>
      <c r="M22" s="170">
        <v>1567</v>
      </c>
      <c r="N22" s="100">
        <v>18</v>
      </c>
      <c r="O22" s="186">
        <v>-58</v>
      </c>
    </row>
    <row r="23" spans="1:15" ht="18" customHeight="1" x14ac:dyDescent="0.15">
      <c r="A23" s="184">
        <v>18</v>
      </c>
      <c r="B23" s="98" t="s">
        <v>35</v>
      </c>
      <c r="C23" s="110">
        <v>99.92</v>
      </c>
      <c r="D23" s="100">
        <v>33</v>
      </c>
      <c r="E23" s="110">
        <v>0.3</v>
      </c>
      <c r="F23" s="110">
        <v>0.08</v>
      </c>
      <c r="G23" s="100">
        <v>1</v>
      </c>
      <c r="H23" s="161">
        <v>-0.3</v>
      </c>
      <c r="I23" s="185">
        <v>48.02</v>
      </c>
      <c r="J23" s="110">
        <v>49.18</v>
      </c>
      <c r="K23" s="100">
        <v>7</v>
      </c>
      <c r="L23" s="161">
        <v>1.1599999999999999</v>
      </c>
      <c r="M23" s="170">
        <v>1243</v>
      </c>
      <c r="N23" s="100">
        <v>23</v>
      </c>
      <c r="O23" s="186">
        <v>-45</v>
      </c>
    </row>
    <row r="24" spans="1:15" ht="18" customHeight="1" x14ac:dyDescent="0.15">
      <c r="A24" s="184">
        <v>19</v>
      </c>
      <c r="B24" s="98" t="s">
        <v>36</v>
      </c>
      <c r="C24" s="110">
        <v>99.99</v>
      </c>
      <c r="D24" s="100">
        <v>18</v>
      </c>
      <c r="E24" s="110">
        <v>0.09</v>
      </c>
      <c r="F24" s="110">
        <v>0.01</v>
      </c>
      <c r="G24" s="100">
        <v>8</v>
      </c>
      <c r="H24" s="161">
        <v>-0.09</v>
      </c>
      <c r="I24" s="185">
        <v>40.880000000000003</v>
      </c>
      <c r="J24" s="110">
        <v>40.869999999999997</v>
      </c>
      <c r="K24" s="100">
        <v>31</v>
      </c>
      <c r="L24" s="161">
        <v>-0.01</v>
      </c>
      <c r="M24" s="170">
        <v>1561</v>
      </c>
      <c r="N24" s="100">
        <v>19</v>
      </c>
      <c r="O24" s="186">
        <v>-73</v>
      </c>
    </row>
    <row r="25" spans="1:15" ht="18" customHeight="1" x14ac:dyDescent="0.15">
      <c r="A25" s="184">
        <v>20</v>
      </c>
      <c r="B25" s="98" t="s">
        <v>37</v>
      </c>
      <c r="C25" s="110">
        <v>100</v>
      </c>
      <c r="D25" s="100">
        <v>1</v>
      </c>
      <c r="E25" s="110">
        <v>0.08</v>
      </c>
      <c r="F25" s="110">
        <v>0</v>
      </c>
      <c r="G25" s="100">
        <v>17</v>
      </c>
      <c r="H25" s="161">
        <v>-0.08</v>
      </c>
      <c r="I25" s="185">
        <v>46.16</v>
      </c>
      <c r="J25" s="110">
        <v>46.15</v>
      </c>
      <c r="K25" s="100">
        <v>17</v>
      </c>
      <c r="L25" s="161">
        <v>-0.01</v>
      </c>
      <c r="M25" s="170">
        <v>966</v>
      </c>
      <c r="N25" s="100">
        <v>27</v>
      </c>
      <c r="O25" s="186">
        <v>-237</v>
      </c>
    </row>
    <row r="26" spans="1:15" ht="18" customHeight="1" x14ac:dyDescent="0.15">
      <c r="A26" s="184">
        <v>21</v>
      </c>
      <c r="B26" s="98" t="s">
        <v>38</v>
      </c>
      <c r="C26" s="110">
        <v>99.99</v>
      </c>
      <c r="D26" s="100">
        <v>18</v>
      </c>
      <c r="E26" s="110">
        <v>0.16</v>
      </c>
      <c r="F26" s="110">
        <v>0.01</v>
      </c>
      <c r="G26" s="100">
        <v>8</v>
      </c>
      <c r="H26" s="161">
        <v>-0.16</v>
      </c>
      <c r="I26" s="185">
        <v>43.11</v>
      </c>
      <c r="J26" s="110">
        <v>42.66</v>
      </c>
      <c r="K26" s="100">
        <v>26</v>
      </c>
      <c r="L26" s="161">
        <v>-0.45</v>
      </c>
      <c r="M26" s="170">
        <v>1771</v>
      </c>
      <c r="N26" s="100">
        <v>12</v>
      </c>
      <c r="O26" s="186">
        <v>-78</v>
      </c>
    </row>
    <row r="27" spans="1:15" ht="18" customHeight="1" x14ac:dyDescent="0.15">
      <c r="A27" s="184">
        <v>22</v>
      </c>
      <c r="B27" s="98" t="s">
        <v>39</v>
      </c>
      <c r="C27" s="110">
        <v>100</v>
      </c>
      <c r="D27" s="100">
        <v>1</v>
      </c>
      <c r="E27" s="110">
        <v>7.0000000000000007E-2</v>
      </c>
      <c r="F27" s="110">
        <v>0</v>
      </c>
      <c r="G27" s="100">
        <v>17</v>
      </c>
      <c r="H27" s="161">
        <v>-7.0000000000000007E-2</v>
      </c>
      <c r="I27" s="185">
        <v>49.84</v>
      </c>
      <c r="J27" s="110">
        <v>51.05</v>
      </c>
      <c r="K27" s="100">
        <v>4</v>
      </c>
      <c r="L27" s="161">
        <v>1.21</v>
      </c>
      <c r="M27" s="170">
        <v>953</v>
      </c>
      <c r="N27" s="100">
        <v>28</v>
      </c>
      <c r="O27" s="186">
        <v>-48</v>
      </c>
    </row>
    <row r="28" spans="1:15" ht="18" customHeight="1" x14ac:dyDescent="0.15">
      <c r="A28" s="184">
        <v>23</v>
      </c>
      <c r="B28" s="98" t="s">
        <v>40</v>
      </c>
      <c r="C28" s="110">
        <v>99.98</v>
      </c>
      <c r="D28" s="100">
        <v>27</v>
      </c>
      <c r="E28" s="110">
        <v>0.19</v>
      </c>
      <c r="F28" s="110">
        <v>0.02</v>
      </c>
      <c r="G28" s="100">
        <v>5</v>
      </c>
      <c r="H28" s="161">
        <v>-0.19</v>
      </c>
      <c r="I28" s="185">
        <v>50.99</v>
      </c>
      <c r="J28" s="110">
        <v>50.06</v>
      </c>
      <c r="K28" s="100">
        <v>6</v>
      </c>
      <c r="L28" s="161">
        <v>-0.93</v>
      </c>
      <c r="M28" s="170">
        <v>1071</v>
      </c>
      <c r="N28" s="100">
        <v>25</v>
      </c>
      <c r="O28" s="186">
        <v>-51</v>
      </c>
    </row>
    <row r="29" spans="1:15" ht="18" customHeight="1" x14ac:dyDescent="0.15">
      <c r="A29" s="184">
        <v>24</v>
      </c>
      <c r="B29" s="98" t="s">
        <v>41</v>
      </c>
      <c r="C29" s="110">
        <v>100</v>
      </c>
      <c r="D29" s="100">
        <v>1</v>
      </c>
      <c r="E29" s="110">
        <v>0.44</v>
      </c>
      <c r="F29" s="110">
        <v>0</v>
      </c>
      <c r="G29" s="100">
        <v>17</v>
      </c>
      <c r="H29" s="161">
        <v>-0.44</v>
      </c>
      <c r="I29" s="185">
        <v>52.17</v>
      </c>
      <c r="J29" s="110">
        <v>53.28</v>
      </c>
      <c r="K29" s="100">
        <v>3</v>
      </c>
      <c r="L29" s="161">
        <v>1.1100000000000001</v>
      </c>
      <c r="M29" s="170">
        <v>2423</v>
      </c>
      <c r="N29" s="100">
        <v>3</v>
      </c>
      <c r="O29" s="186">
        <v>-90</v>
      </c>
    </row>
    <row r="30" spans="1:15" ht="18" customHeight="1" x14ac:dyDescent="0.15">
      <c r="A30" s="184">
        <v>25</v>
      </c>
      <c r="B30" s="98" t="s">
        <v>42</v>
      </c>
      <c r="C30" s="110">
        <v>100</v>
      </c>
      <c r="D30" s="100">
        <v>1</v>
      </c>
      <c r="E30" s="110">
        <v>0.18</v>
      </c>
      <c r="F30" s="110">
        <v>0</v>
      </c>
      <c r="G30" s="100">
        <v>17</v>
      </c>
      <c r="H30" s="161">
        <v>-0.18</v>
      </c>
      <c r="I30" s="185">
        <v>46.96</v>
      </c>
      <c r="J30" s="110">
        <v>47.83</v>
      </c>
      <c r="K30" s="100">
        <v>12</v>
      </c>
      <c r="L30" s="161">
        <v>0.87</v>
      </c>
      <c r="M30" s="170">
        <v>1239</v>
      </c>
      <c r="N30" s="100">
        <v>24</v>
      </c>
      <c r="O30" s="186">
        <v>-34</v>
      </c>
    </row>
    <row r="31" spans="1:15" ht="18" customHeight="1" x14ac:dyDescent="0.15">
      <c r="A31" s="184">
        <v>26</v>
      </c>
      <c r="B31" s="98" t="s">
        <v>43</v>
      </c>
      <c r="C31" s="110">
        <v>99.96</v>
      </c>
      <c r="D31" s="100">
        <v>31</v>
      </c>
      <c r="E31" s="110">
        <v>0.82</v>
      </c>
      <c r="F31" s="110">
        <v>0.04</v>
      </c>
      <c r="G31" s="100">
        <v>3</v>
      </c>
      <c r="H31" s="161">
        <v>-0.82</v>
      </c>
      <c r="I31" s="185">
        <v>49.82</v>
      </c>
      <c r="J31" s="110">
        <v>51.01</v>
      </c>
      <c r="K31" s="100">
        <v>5</v>
      </c>
      <c r="L31" s="161">
        <v>1.19</v>
      </c>
      <c r="M31" s="170">
        <v>826</v>
      </c>
      <c r="N31" s="100">
        <v>30</v>
      </c>
      <c r="O31" s="186">
        <v>-28</v>
      </c>
    </row>
    <row r="32" spans="1:15" ht="18" customHeight="1" x14ac:dyDescent="0.15">
      <c r="A32" s="184">
        <v>27</v>
      </c>
      <c r="B32" s="98" t="s">
        <v>44</v>
      </c>
      <c r="C32" s="110">
        <v>100</v>
      </c>
      <c r="D32" s="100">
        <v>1</v>
      </c>
      <c r="E32" s="110">
        <v>0.18</v>
      </c>
      <c r="F32" s="110">
        <v>0</v>
      </c>
      <c r="G32" s="100">
        <v>17</v>
      </c>
      <c r="H32" s="161">
        <v>-0.18</v>
      </c>
      <c r="I32" s="185">
        <v>56.12</v>
      </c>
      <c r="J32" s="110">
        <v>57.47</v>
      </c>
      <c r="K32" s="100">
        <v>1</v>
      </c>
      <c r="L32" s="161">
        <v>1.35</v>
      </c>
      <c r="M32" s="170">
        <v>868</v>
      </c>
      <c r="N32" s="100">
        <v>29</v>
      </c>
      <c r="O32" s="186">
        <v>-44</v>
      </c>
    </row>
    <row r="33" spans="1:15" ht="18" customHeight="1" x14ac:dyDescent="0.15">
      <c r="A33" s="184">
        <v>28</v>
      </c>
      <c r="B33" s="98" t="s">
        <v>45</v>
      </c>
      <c r="C33" s="110">
        <v>99.97</v>
      </c>
      <c r="D33" s="100">
        <v>30</v>
      </c>
      <c r="E33" s="110">
        <v>0.43</v>
      </c>
      <c r="F33" s="110">
        <v>0.03</v>
      </c>
      <c r="G33" s="100">
        <v>4</v>
      </c>
      <c r="H33" s="161">
        <v>-0.43</v>
      </c>
      <c r="I33" s="185">
        <v>47.72</v>
      </c>
      <c r="J33" s="110">
        <v>47.92</v>
      </c>
      <c r="K33" s="100">
        <v>11</v>
      </c>
      <c r="L33" s="161">
        <v>0.2</v>
      </c>
      <c r="M33" s="170">
        <v>1052</v>
      </c>
      <c r="N33" s="100">
        <v>26</v>
      </c>
      <c r="O33" s="186">
        <v>-24</v>
      </c>
    </row>
    <row r="34" spans="1:15" ht="18" customHeight="1" x14ac:dyDescent="0.15">
      <c r="A34" s="184">
        <v>29</v>
      </c>
      <c r="B34" s="98" t="s">
        <v>46</v>
      </c>
      <c r="C34" s="110">
        <v>99.93</v>
      </c>
      <c r="D34" s="100">
        <v>32</v>
      </c>
      <c r="E34" s="110">
        <v>0.16</v>
      </c>
      <c r="F34" s="110">
        <v>7.0000000000000007E-2</v>
      </c>
      <c r="G34" s="100">
        <v>2</v>
      </c>
      <c r="H34" s="161">
        <v>-0.16</v>
      </c>
      <c r="I34" s="185">
        <v>44.88</v>
      </c>
      <c r="J34" s="110">
        <v>46.34</v>
      </c>
      <c r="K34" s="100">
        <v>16</v>
      </c>
      <c r="L34" s="161">
        <v>1.46</v>
      </c>
      <c r="M34" s="170">
        <v>278</v>
      </c>
      <c r="N34" s="100">
        <v>33</v>
      </c>
      <c r="O34" s="186">
        <v>-24</v>
      </c>
    </row>
    <row r="35" spans="1:15" ht="18" customHeight="1" x14ac:dyDescent="0.15">
      <c r="A35" s="184">
        <v>30</v>
      </c>
      <c r="B35" s="98" t="s">
        <v>47</v>
      </c>
      <c r="C35" s="110">
        <v>100</v>
      </c>
      <c r="D35" s="100">
        <v>1</v>
      </c>
      <c r="E35" s="110">
        <v>0.05</v>
      </c>
      <c r="F35" s="110">
        <v>0</v>
      </c>
      <c r="G35" s="100">
        <v>17</v>
      </c>
      <c r="H35" s="161">
        <v>-0.05</v>
      </c>
      <c r="I35" s="185">
        <v>49.8</v>
      </c>
      <c r="J35" s="110">
        <v>48.5</v>
      </c>
      <c r="K35" s="100">
        <v>9</v>
      </c>
      <c r="L35" s="161">
        <v>-1.3</v>
      </c>
      <c r="M35" s="170">
        <v>533</v>
      </c>
      <c r="N35" s="100">
        <v>31</v>
      </c>
      <c r="O35" s="186">
        <v>-20</v>
      </c>
    </row>
    <row r="36" spans="1:15" ht="18" customHeight="1" x14ac:dyDescent="0.15">
      <c r="A36" s="184">
        <v>31</v>
      </c>
      <c r="B36" s="98" t="s">
        <v>48</v>
      </c>
      <c r="C36" s="110">
        <v>100</v>
      </c>
      <c r="D36" s="100">
        <v>1</v>
      </c>
      <c r="E36" s="110">
        <v>0.13</v>
      </c>
      <c r="F36" s="110">
        <v>0</v>
      </c>
      <c r="G36" s="100">
        <v>17</v>
      </c>
      <c r="H36" s="161">
        <v>-0.13</v>
      </c>
      <c r="I36" s="185">
        <v>47.41</v>
      </c>
      <c r="J36" s="110">
        <v>47.94</v>
      </c>
      <c r="K36" s="100">
        <v>10</v>
      </c>
      <c r="L36" s="161">
        <v>0.53</v>
      </c>
      <c r="M36" s="170">
        <v>1684</v>
      </c>
      <c r="N36" s="100">
        <v>16</v>
      </c>
      <c r="O36" s="186">
        <v>-673</v>
      </c>
    </row>
    <row r="37" spans="1:15" ht="18" customHeight="1" x14ac:dyDescent="0.15">
      <c r="A37" s="184">
        <v>32</v>
      </c>
      <c r="B37" s="98" t="s">
        <v>49</v>
      </c>
      <c r="C37" s="110">
        <v>99.99</v>
      </c>
      <c r="D37" s="100">
        <v>18</v>
      </c>
      <c r="E37" s="110">
        <v>0.12</v>
      </c>
      <c r="F37" s="110">
        <v>0.01</v>
      </c>
      <c r="G37" s="100">
        <v>8</v>
      </c>
      <c r="H37" s="161">
        <v>-0.12</v>
      </c>
      <c r="I37" s="185">
        <v>43.93</v>
      </c>
      <c r="J37" s="110">
        <v>44.42</v>
      </c>
      <c r="K37" s="100">
        <v>21</v>
      </c>
      <c r="L37" s="161">
        <v>0.49</v>
      </c>
      <c r="M37" s="170">
        <v>1762</v>
      </c>
      <c r="N37" s="100">
        <v>13</v>
      </c>
      <c r="O37" s="186">
        <v>189</v>
      </c>
    </row>
    <row r="38" spans="1:15" ht="18" customHeight="1" thickBot="1" x14ac:dyDescent="0.2">
      <c r="A38" s="187">
        <v>33</v>
      </c>
      <c r="B38" s="104" t="s">
        <v>50</v>
      </c>
      <c r="C38" s="111">
        <v>100</v>
      </c>
      <c r="D38" s="188">
        <v>1</v>
      </c>
      <c r="E38" s="111">
        <v>0</v>
      </c>
      <c r="F38" s="111">
        <v>0</v>
      </c>
      <c r="G38" s="188">
        <v>17</v>
      </c>
      <c r="H38" s="162">
        <v>0</v>
      </c>
      <c r="I38" s="189">
        <v>51.43</v>
      </c>
      <c r="J38" s="111">
        <v>54.45</v>
      </c>
      <c r="K38" s="188">
        <v>2</v>
      </c>
      <c r="L38" s="162">
        <v>3.02</v>
      </c>
      <c r="M38" s="171">
        <v>388</v>
      </c>
      <c r="N38" s="188">
        <v>32</v>
      </c>
      <c r="O38" s="190">
        <v>-452</v>
      </c>
    </row>
    <row r="39" spans="1:15" ht="18" customHeight="1" thickTop="1" x14ac:dyDescent="0.15">
      <c r="A39" s="191">
        <v>301</v>
      </c>
      <c r="B39" s="105" t="s">
        <v>70</v>
      </c>
      <c r="C39" s="112">
        <v>100</v>
      </c>
      <c r="D39" s="192">
        <v>1</v>
      </c>
      <c r="E39" s="112">
        <v>0</v>
      </c>
      <c r="F39" s="193" t="s">
        <v>60</v>
      </c>
      <c r="G39" s="193" t="s">
        <v>60</v>
      </c>
      <c r="H39" s="193" t="s">
        <v>60</v>
      </c>
      <c r="I39" s="194">
        <v>12.44</v>
      </c>
      <c r="J39" s="112">
        <v>12.89</v>
      </c>
      <c r="K39" s="192">
        <v>3</v>
      </c>
      <c r="L39" s="163">
        <v>0.45</v>
      </c>
      <c r="M39" s="172">
        <v>1600</v>
      </c>
      <c r="N39" s="192">
        <v>3</v>
      </c>
      <c r="O39" s="195">
        <v>-261</v>
      </c>
    </row>
    <row r="40" spans="1:15" ht="18" customHeight="1" x14ac:dyDescent="0.15">
      <c r="A40" s="184">
        <v>302</v>
      </c>
      <c r="B40" s="106" t="s">
        <v>69</v>
      </c>
      <c r="C40" s="110">
        <v>100</v>
      </c>
      <c r="D40" s="100">
        <v>1</v>
      </c>
      <c r="E40" s="110">
        <v>0</v>
      </c>
      <c r="F40" s="196" t="s">
        <v>60</v>
      </c>
      <c r="G40" s="196" t="s">
        <v>60</v>
      </c>
      <c r="H40" s="196" t="s">
        <v>60</v>
      </c>
      <c r="I40" s="185">
        <v>8.68</v>
      </c>
      <c r="J40" s="110">
        <v>9.16</v>
      </c>
      <c r="K40" s="100">
        <v>6</v>
      </c>
      <c r="L40" s="161">
        <v>0.48</v>
      </c>
      <c r="M40" s="170">
        <v>1825</v>
      </c>
      <c r="N40" s="100">
        <v>2</v>
      </c>
      <c r="O40" s="186">
        <v>6</v>
      </c>
    </row>
    <row r="41" spans="1:15" ht="18" customHeight="1" x14ac:dyDescent="0.15">
      <c r="A41" s="184">
        <v>303</v>
      </c>
      <c r="B41" s="106" t="s">
        <v>68</v>
      </c>
      <c r="C41" s="110">
        <v>100</v>
      </c>
      <c r="D41" s="100">
        <v>1</v>
      </c>
      <c r="E41" s="110">
        <v>0</v>
      </c>
      <c r="F41" s="196" t="s">
        <v>60</v>
      </c>
      <c r="G41" s="196" t="s">
        <v>60</v>
      </c>
      <c r="H41" s="196" t="s">
        <v>60</v>
      </c>
      <c r="I41" s="185">
        <v>18.87</v>
      </c>
      <c r="J41" s="110">
        <v>18.079999999999998</v>
      </c>
      <c r="K41" s="100">
        <v>1</v>
      </c>
      <c r="L41" s="161">
        <v>-0.79</v>
      </c>
      <c r="M41" s="170">
        <v>1247</v>
      </c>
      <c r="N41" s="100">
        <v>4</v>
      </c>
      <c r="O41" s="186">
        <v>-80</v>
      </c>
    </row>
    <row r="42" spans="1:15" ht="18" customHeight="1" x14ac:dyDescent="0.15">
      <c r="A42" s="184">
        <v>304</v>
      </c>
      <c r="B42" s="106" t="s">
        <v>67</v>
      </c>
      <c r="C42" s="110">
        <v>100</v>
      </c>
      <c r="D42" s="100">
        <v>1</v>
      </c>
      <c r="E42" s="110">
        <v>0</v>
      </c>
      <c r="F42" s="196" t="s">
        <v>60</v>
      </c>
      <c r="G42" s="196" t="s">
        <v>60</v>
      </c>
      <c r="H42" s="196" t="s">
        <v>60</v>
      </c>
      <c r="I42" s="185">
        <v>9.89</v>
      </c>
      <c r="J42" s="110">
        <v>10.199999999999999</v>
      </c>
      <c r="K42" s="100">
        <v>5</v>
      </c>
      <c r="L42" s="161">
        <v>0.31</v>
      </c>
      <c r="M42" s="170">
        <v>765</v>
      </c>
      <c r="N42" s="100">
        <v>6</v>
      </c>
      <c r="O42" s="186">
        <v>-20</v>
      </c>
    </row>
    <row r="43" spans="1:15" ht="18" customHeight="1" x14ac:dyDescent="0.15">
      <c r="A43" s="184">
        <v>305</v>
      </c>
      <c r="B43" s="106" t="s">
        <v>66</v>
      </c>
      <c r="C43" s="110">
        <v>100</v>
      </c>
      <c r="D43" s="100">
        <v>1</v>
      </c>
      <c r="E43" s="110">
        <v>0</v>
      </c>
      <c r="F43" s="196" t="s">
        <v>60</v>
      </c>
      <c r="G43" s="196" t="s">
        <v>60</v>
      </c>
      <c r="H43" s="196" t="s">
        <v>60</v>
      </c>
      <c r="I43" s="185">
        <v>12.85</v>
      </c>
      <c r="J43" s="110">
        <v>13.04</v>
      </c>
      <c r="K43" s="100">
        <v>2</v>
      </c>
      <c r="L43" s="161">
        <v>0.19</v>
      </c>
      <c r="M43" s="170">
        <v>778</v>
      </c>
      <c r="N43" s="100">
        <v>5</v>
      </c>
      <c r="O43" s="186">
        <v>-30</v>
      </c>
    </row>
    <row r="44" spans="1:15" ht="18" customHeight="1" thickBot="1" x14ac:dyDescent="0.2">
      <c r="A44" s="187">
        <v>306</v>
      </c>
      <c r="B44" s="107" t="s">
        <v>65</v>
      </c>
      <c r="C44" s="111">
        <v>100</v>
      </c>
      <c r="D44" s="188">
        <v>1</v>
      </c>
      <c r="E44" s="111">
        <v>0</v>
      </c>
      <c r="F44" s="197" t="s">
        <v>60</v>
      </c>
      <c r="G44" s="197" t="s">
        <v>60</v>
      </c>
      <c r="H44" s="197" t="s">
        <v>60</v>
      </c>
      <c r="I44" s="189">
        <v>11.05</v>
      </c>
      <c r="J44" s="111">
        <v>10.88</v>
      </c>
      <c r="K44" s="188">
        <v>4</v>
      </c>
      <c r="L44" s="162">
        <v>-0.17</v>
      </c>
      <c r="M44" s="171">
        <v>2449</v>
      </c>
      <c r="N44" s="188">
        <v>1</v>
      </c>
      <c r="O44" s="190">
        <v>57</v>
      </c>
    </row>
    <row r="45" spans="1:15" ht="18" customHeight="1" thickTop="1" thickBot="1" x14ac:dyDescent="0.2">
      <c r="A45" s="235" t="s">
        <v>64</v>
      </c>
      <c r="B45" s="236"/>
      <c r="C45" s="102">
        <v>100</v>
      </c>
      <c r="D45" s="198" t="s">
        <v>60</v>
      </c>
      <c r="E45" s="102">
        <v>0.1</v>
      </c>
      <c r="F45" s="102">
        <v>0</v>
      </c>
      <c r="G45" s="198" t="s">
        <v>60</v>
      </c>
      <c r="H45" s="164">
        <v>-0.1</v>
      </c>
      <c r="I45" s="103">
        <v>42.02</v>
      </c>
      <c r="J45" s="102">
        <v>42.35</v>
      </c>
      <c r="K45" s="198" t="s">
        <v>60</v>
      </c>
      <c r="L45" s="164">
        <v>0.33</v>
      </c>
      <c r="M45" s="173">
        <v>1709</v>
      </c>
      <c r="N45" s="198" t="s">
        <v>60</v>
      </c>
      <c r="O45" s="199">
        <v>-62</v>
      </c>
    </row>
    <row r="46" spans="1:15" ht="18" customHeight="1" thickTop="1" thickBot="1" x14ac:dyDescent="0.2">
      <c r="A46" s="235" t="s">
        <v>63</v>
      </c>
      <c r="B46" s="236"/>
      <c r="C46" s="102">
        <v>100</v>
      </c>
      <c r="D46" s="198" t="s">
        <v>60</v>
      </c>
      <c r="E46" s="102">
        <v>0</v>
      </c>
      <c r="F46" s="198" t="s">
        <v>60</v>
      </c>
      <c r="G46" s="198" t="s">
        <v>62</v>
      </c>
      <c r="H46" s="198" t="s">
        <v>60</v>
      </c>
      <c r="I46" s="103">
        <v>11.82</v>
      </c>
      <c r="J46" s="102">
        <v>11.71</v>
      </c>
      <c r="K46" s="198" t="s">
        <v>60</v>
      </c>
      <c r="L46" s="164">
        <v>-0.11</v>
      </c>
      <c r="M46" s="173">
        <v>1772</v>
      </c>
      <c r="N46" s="198" t="s">
        <v>62</v>
      </c>
      <c r="O46" s="199">
        <v>-27</v>
      </c>
    </row>
    <row r="47" spans="1:15" ht="18" customHeight="1" thickTop="1" thickBot="1" x14ac:dyDescent="0.2">
      <c r="A47" s="233" t="s">
        <v>61</v>
      </c>
      <c r="B47" s="234"/>
      <c r="C47" s="113">
        <v>100</v>
      </c>
      <c r="D47" s="200" t="s">
        <v>60</v>
      </c>
      <c r="E47" s="113">
        <v>0.1</v>
      </c>
      <c r="F47" s="113">
        <v>0</v>
      </c>
      <c r="G47" s="200" t="s">
        <v>60</v>
      </c>
      <c r="H47" s="165">
        <v>-0.1</v>
      </c>
      <c r="I47" s="201">
        <v>39.97</v>
      </c>
      <c r="J47" s="113">
        <v>40.229999999999997</v>
      </c>
      <c r="K47" s="200" t="s">
        <v>60</v>
      </c>
      <c r="L47" s="165">
        <v>0.26</v>
      </c>
      <c r="M47" s="174">
        <v>1713</v>
      </c>
      <c r="N47" s="200" t="s">
        <v>60</v>
      </c>
      <c r="O47" s="202">
        <v>-60</v>
      </c>
    </row>
    <row r="48" spans="1:15" ht="13.05" customHeight="1" x14ac:dyDescent="0.15">
      <c r="A48" s="114" t="s">
        <v>59</v>
      </c>
      <c r="C48" s="114"/>
      <c r="F48" s="114"/>
      <c r="J48" s="114"/>
    </row>
    <row r="49" spans="3:10" x14ac:dyDescent="0.15">
      <c r="C49" s="114"/>
      <c r="F49" s="114"/>
      <c r="J49" s="114"/>
    </row>
  </sheetData>
  <mergeCells count="8">
    <mergeCell ref="A47:B47"/>
    <mergeCell ref="A45:B45"/>
    <mergeCell ref="A46:B46"/>
    <mergeCell ref="A3:B5"/>
    <mergeCell ref="M3:O3"/>
    <mergeCell ref="C3:E3"/>
    <mergeCell ref="F3:H3"/>
    <mergeCell ref="J3:L3"/>
  </mergeCells>
  <phoneticPr fontId="6"/>
  <printOptions horizontalCentered="1" gridLinesSet="0"/>
  <pageMargins left="0.59055118110236227" right="0.59055118110236227" top="0.39370078740157483" bottom="0.15748031496062992" header="0.6692913385826772" footer="0.15748031496062992"/>
  <pageSetup paperSize="9" orientation="portrait" blackAndWhite="1" r:id="rId1"/>
  <headerFooter alignWithMargins="0"/>
  <colBreaks count="1" manualBreakCount="1">
    <brk id="15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加入率</vt:lpstr>
      <vt:lpstr>年齢階層</vt:lpstr>
      <vt:lpstr>構成割合</vt:lpstr>
      <vt:lpstr>加入率!Print_Area</vt:lpstr>
      <vt:lpstr>構成割合!Print_Area</vt:lpstr>
      <vt:lpstr>年齢階層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6:57:44Z</dcterms:created>
  <dcterms:modified xsi:type="dcterms:W3CDTF">2021-10-29T08:15:51Z</dcterms:modified>
</cp:coreProperties>
</file>